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C:\Users\s028538\OneDrive - SEA\Desktop\VM Nuovo Portale Fornitori_2024\STRUTTURA ALBERO\File x Ancilotti\Versione inglese\"/>
    </mc:Choice>
  </mc:AlternateContent>
  <bookViews>
    <workbookView xWindow="28680" yWindow="-120" windowWidth="29040" windowHeight="16440"/>
  </bookViews>
  <sheets>
    <sheet name="CategoryTree_20260122" sheetId="1" r:id="rId1"/>
  </sheets>
  <definedNames>
    <definedName name="_xlnm._FilterDatabase" localSheetId="0" hidden="1">CategoryTree_20260122!$B$4:$D$394</definedName>
    <definedName name="_xlnm.Print_Area" localSheetId="0">CategoryTree_20260122!$A$1:$D$395</definedName>
    <definedName name="_xlnm.Print_Titles" localSheetId="0">CategoryTree_20260122!$4:$4</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925" uniqueCount="818">
  <si>
    <t>A</t>
  </si>
  <si>
    <t>A01</t>
  </si>
  <si>
    <t>A01AA</t>
  </si>
  <si>
    <t>Ambulift</t>
  </si>
  <si>
    <t>A01AA01</t>
  </si>
  <si>
    <t>A01AB</t>
  </si>
  <si>
    <t>A01AB01</t>
  </si>
  <si>
    <t>A01AB02</t>
  </si>
  <si>
    <t>A01AB03</t>
  </si>
  <si>
    <t>A01AB04</t>
  </si>
  <si>
    <t>A01AC</t>
  </si>
  <si>
    <t>A01AC01</t>
  </si>
  <si>
    <t>A01AD</t>
  </si>
  <si>
    <t>A01AD01</t>
  </si>
  <si>
    <t>A01AE</t>
  </si>
  <si>
    <t>A01AEN1</t>
  </si>
  <si>
    <t>A01AF</t>
  </si>
  <si>
    <t>A01AF01</t>
  </si>
  <si>
    <t>A01AG</t>
  </si>
  <si>
    <t>A01AGN1</t>
  </si>
  <si>
    <t>A01AH</t>
  </si>
  <si>
    <t>A01AHN1</t>
  </si>
  <si>
    <t>A01AH06</t>
  </si>
  <si>
    <t>A01AI</t>
  </si>
  <si>
    <t>A01AIN1</t>
  </si>
  <si>
    <t>A01AJ</t>
  </si>
  <si>
    <t>A01AJ01</t>
  </si>
  <si>
    <t>A01AK</t>
  </si>
  <si>
    <t>A01AKN1</t>
  </si>
  <si>
    <t>A01AL</t>
  </si>
  <si>
    <t xml:space="preserve">De-icer </t>
  </si>
  <si>
    <t>A01AL01</t>
  </si>
  <si>
    <t>De-icer</t>
  </si>
  <si>
    <t>A01AM</t>
  </si>
  <si>
    <t>Friction Test</t>
  </si>
  <si>
    <t>A01AM01</t>
  </si>
  <si>
    <t>A01AN</t>
  </si>
  <si>
    <t>A01ANN1</t>
  </si>
  <si>
    <t>A01AO</t>
  </si>
  <si>
    <t>A01AO01</t>
  </si>
  <si>
    <t>A01AP</t>
  </si>
  <si>
    <t>A01APN1</t>
  </si>
  <si>
    <t>A01AQ</t>
  </si>
  <si>
    <t>A01AQ01</t>
  </si>
  <si>
    <t>A01AR</t>
  </si>
  <si>
    <t>Transporters</t>
  </si>
  <si>
    <t>A01AR01</t>
  </si>
  <si>
    <t>A01AS</t>
  </si>
  <si>
    <t>A01ASN1</t>
  </si>
  <si>
    <t>A01AT</t>
  </si>
  <si>
    <t>A01ATN1</t>
  </si>
  <si>
    <t>A01ZA</t>
  </si>
  <si>
    <t>A01ZA01</t>
  </si>
  <si>
    <t>A02</t>
  </si>
  <si>
    <t>A02AA</t>
  </si>
  <si>
    <t>A02AA01</t>
  </si>
  <si>
    <t>A02AA03</t>
  </si>
  <si>
    <t>A02AB</t>
  </si>
  <si>
    <t>A02ABN1</t>
  </si>
  <si>
    <t>A02AC</t>
  </si>
  <si>
    <t>A02AC01</t>
  </si>
  <si>
    <t>A02AD</t>
  </si>
  <si>
    <t>A02ADN1</t>
  </si>
  <si>
    <t>A02AD03</t>
  </si>
  <si>
    <t>A02AE</t>
  </si>
  <si>
    <t>A02AEN1</t>
  </si>
  <si>
    <t>A02AF</t>
  </si>
  <si>
    <t>A02AF01</t>
  </si>
  <si>
    <t>A02AG</t>
  </si>
  <si>
    <t>A02AGN1</t>
  </si>
  <si>
    <t>A02AI</t>
  </si>
  <si>
    <t>A02AI01</t>
  </si>
  <si>
    <t>A02AJ</t>
  </si>
  <si>
    <t>A02AJN1</t>
  </si>
  <si>
    <t>A02AK</t>
  </si>
  <si>
    <t>A02AKN1</t>
  </si>
  <si>
    <t>A02AL</t>
  </si>
  <si>
    <t>A02AL01</t>
  </si>
  <si>
    <t>A02AM</t>
  </si>
  <si>
    <t>A02AMN1</t>
  </si>
  <si>
    <t>A02AN</t>
  </si>
  <si>
    <t>A02AN01</t>
  </si>
  <si>
    <t>A02AN02</t>
  </si>
  <si>
    <t>A02AN03</t>
  </si>
  <si>
    <t>A02AN04</t>
  </si>
  <si>
    <t>A02ZA</t>
  </si>
  <si>
    <t>A02ZA01</t>
  </si>
  <si>
    <t>A02ZB</t>
  </si>
  <si>
    <t>A02ZB01</t>
  </si>
  <si>
    <t>A02ZC</t>
  </si>
  <si>
    <t>A02ZCN1</t>
  </si>
  <si>
    <t>A03</t>
  </si>
  <si>
    <t>A03AA</t>
  </si>
  <si>
    <t>A03AA01</t>
  </si>
  <si>
    <t>A03AA03</t>
  </si>
  <si>
    <t>A03AB</t>
  </si>
  <si>
    <t>A03AB01</t>
  </si>
  <si>
    <t>A03AC</t>
  </si>
  <si>
    <t>A03AC01</t>
  </si>
  <si>
    <t>A03AC02</t>
  </si>
  <si>
    <t>A03ZA</t>
  </si>
  <si>
    <t>A03ZA01</t>
  </si>
  <si>
    <t>A04</t>
  </si>
  <si>
    <t>A04AA</t>
  </si>
  <si>
    <t>A04AA01</t>
  </si>
  <si>
    <t>A04AA02</t>
  </si>
  <si>
    <t>A04AB</t>
  </si>
  <si>
    <t>A04AB01</t>
  </si>
  <si>
    <t>A04AB02</t>
  </si>
  <si>
    <t>A04AB03</t>
  </si>
  <si>
    <t>Server and storage</t>
  </si>
  <si>
    <t>A04AB04</t>
  </si>
  <si>
    <t>A04AB05</t>
  </si>
  <si>
    <t>A04AB06</t>
  </si>
  <si>
    <t>Device</t>
  </si>
  <si>
    <t>A04AB07</t>
  </si>
  <si>
    <t>Monitor/LED</t>
  </si>
  <si>
    <t>A04AB08</t>
  </si>
  <si>
    <t>A04AC</t>
  </si>
  <si>
    <t>A04AC01</t>
  </si>
  <si>
    <t>A04AC02</t>
  </si>
  <si>
    <t>A04AC03</t>
  </si>
  <si>
    <t>A04AC04</t>
  </si>
  <si>
    <t>A04AC05</t>
  </si>
  <si>
    <t>A04AC06</t>
  </si>
  <si>
    <t>A04AC07</t>
  </si>
  <si>
    <t>A04AC08</t>
  </si>
  <si>
    <t>A04AD</t>
  </si>
  <si>
    <t>A04AD01</t>
  </si>
  <si>
    <t>A04AD02</t>
  </si>
  <si>
    <t>A04AE</t>
  </si>
  <si>
    <t>A04AE01</t>
  </si>
  <si>
    <t>A04AE02</t>
  </si>
  <si>
    <t>A04AE03</t>
  </si>
  <si>
    <t>A04AE04</t>
  </si>
  <si>
    <t>A04AF</t>
  </si>
  <si>
    <t>A04AF01</t>
  </si>
  <si>
    <t>A04AF02</t>
  </si>
  <si>
    <t>A04AF03</t>
  </si>
  <si>
    <t>A05</t>
  </si>
  <si>
    <t>A05AA</t>
  </si>
  <si>
    <t>A05AAN1</t>
  </si>
  <si>
    <t>A05AB</t>
  </si>
  <si>
    <t>A05AB01</t>
  </si>
  <si>
    <t>A05AB02</t>
  </si>
  <si>
    <t>A05AB03</t>
  </si>
  <si>
    <t>A05AC</t>
  </si>
  <si>
    <t>A05AC01</t>
  </si>
  <si>
    <t>A05AC02</t>
  </si>
  <si>
    <t>A05AD</t>
  </si>
  <si>
    <t>A05ADN1</t>
  </si>
  <si>
    <t>A05AE</t>
  </si>
  <si>
    <t>A05AEN1</t>
  </si>
  <si>
    <t>A05AE07</t>
  </si>
  <si>
    <t>A06</t>
  </si>
  <si>
    <t>A06AA</t>
  </si>
  <si>
    <t>A06AA01</t>
  </si>
  <si>
    <t>A06AA02</t>
  </si>
  <si>
    <t>A06AA03</t>
  </si>
  <si>
    <t>A06AA04</t>
  </si>
  <si>
    <t>A07</t>
  </si>
  <si>
    <t>A07AA</t>
  </si>
  <si>
    <t>A07AAN1</t>
  </si>
  <si>
    <t>A07AB</t>
  </si>
  <si>
    <t>A07ABN1</t>
  </si>
  <si>
    <t>A07AC</t>
  </si>
  <si>
    <t>A07ACN1</t>
  </si>
  <si>
    <t>A08</t>
  </si>
  <si>
    <t>A08AA</t>
  </si>
  <si>
    <t>A08AAN1</t>
  </si>
  <si>
    <t>A08AB</t>
  </si>
  <si>
    <t>A08ABN1</t>
  </si>
  <si>
    <t>A08AB01</t>
  </si>
  <si>
    <t>A08AB02</t>
  </si>
  <si>
    <t>A08AB03</t>
  </si>
  <si>
    <t>A08AC</t>
  </si>
  <si>
    <t>A08AC01</t>
  </si>
  <si>
    <t>A08AD</t>
  </si>
  <si>
    <t>A08ADN1</t>
  </si>
  <si>
    <t>A08AD03</t>
  </si>
  <si>
    <t>A08AD05</t>
  </si>
  <si>
    <t>A09</t>
  </si>
  <si>
    <t>A09AA</t>
  </si>
  <si>
    <t>A09AAN1</t>
  </si>
  <si>
    <t>A09AB</t>
  </si>
  <si>
    <t>A09ABN1</t>
  </si>
  <si>
    <t>A10</t>
  </si>
  <si>
    <t>A10AA</t>
  </si>
  <si>
    <t>A10AA01</t>
  </si>
  <si>
    <t>A10AB</t>
  </si>
  <si>
    <t>A10AB01</t>
  </si>
  <si>
    <t>A10AC</t>
  </si>
  <si>
    <t>A10ACN1</t>
  </si>
  <si>
    <t>A10AD</t>
  </si>
  <si>
    <t>A10AD01</t>
  </si>
  <si>
    <t>A10ZA</t>
  </si>
  <si>
    <t>A10ZAN1</t>
  </si>
  <si>
    <t>A10ZAN2</t>
  </si>
  <si>
    <t>A11</t>
  </si>
  <si>
    <t>A12</t>
  </si>
  <si>
    <t>A12AA</t>
  </si>
  <si>
    <t>A12AA01</t>
  </si>
  <si>
    <t>A12AA02</t>
  </si>
  <si>
    <t>A12AB</t>
  </si>
  <si>
    <t>A12AB01</t>
  </si>
  <si>
    <t>A12AC</t>
  </si>
  <si>
    <t>A12ACN1</t>
  </si>
  <si>
    <t>A12AD</t>
  </si>
  <si>
    <t>A12AD01</t>
  </si>
  <si>
    <t>A12AD02</t>
  </si>
  <si>
    <t>A12AD03</t>
  </si>
  <si>
    <t>A12AE</t>
  </si>
  <si>
    <t>A12AEN1</t>
  </si>
  <si>
    <t>A12AE01</t>
  </si>
  <si>
    <t>A12AE04</t>
  </si>
  <si>
    <t>A12AE05</t>
  </si>
  <si>
    <t>A12AE06</t>
  </si>
  <si>
    <t>B</t>
  </si>
  <si>
    <t>B01</t>
  </si>
  <si>
    <t>B01AA</t>
  </si>
  <si>
    <t>B01AAN1</t>
  </si>
  <si>
    <t>B01AB</t>
  </si>
  <si>
    <t>B01ABN1</t>
  </si>
  <si>
    <t>B01AC</t>
  </si>
  <si>
    <t>B01AC01</t>
  </si>
  <si>
    <t>B01AD</t>
  </si>
  <si>
    <t>B01AD01</t>
  </si>
  <si>
    <t>B01AE</t>
  </si>
  <si>
    <t>B01AE01</t>
  </si>
  <si>
    <t>B01AF</t>
  </si>
  <si>
    <t>B01AF01</t>
  </si>
  <si>
    <t>B01AG</t>
  </si>
  <si>
    <t>B01AG01</t>
  </si>
  <si>
    <t>B01AH</t>
  </si>
  <si>
    <t>B01AH02</t>
  </si>
  <si>
    <t>B02</t>
  </si>
  <si>
    <t>B03</t>
  </si>
  <si>
    <t>B03AA</t>
  </si>
  <si>
    <t>B03AA10</t>
  </si>
  <si>
    <t>B03AB</t>
  </si>
  <si>
    <t>B03AB01</t>
  </si>
  <si>
    <t>B03AC</t>
  </si>
  <si>
    <t>B04</t>
  </si>
  <si>
    <t>B04AA</t>
  </si>
  <si>
    <t>B04AAN1</t>
  </si>
  <si>
    <t>B04AAN2</t>
  </si>
  <si>
    <t>B04AA01</t>
  </si>
  <si>
    <t>B04AB</t>
  </si>
  <si>
    <t>B04ABN1</t>
  </si>
  <si>
    <t>B04AC</t>
  </si>
  <si>
    <t>B04AC01</t>
  </si>
  <si>
    <t>B04AD</t>
  </si>
  <si>
    <t>B04AD01</t>
  </si>
  <si>
    <t>B04AE</t>
  </si>
  <si>
    <t>B04AE01</t>
  </si>
  <si>
    <t>B04AE02</t>
  </si>
  <si>
    <t>B04AE03</t>
  </si>
  <si>
    <t>B04AF</t>
  </si>
  <si>
    <t>Business travel</t>
  </si>
  <si>
    <t>B04AF01</t>
  </si>
  <si>
    <t>B04AG</t>
  </si>
  <si>
    <t>B04AGN1</t>
  </si>
  <si>
    <t>B04AH</t>
  </si>
  <si>
    <t>B04AH08</t>
  </si>
  <si>
    <t>B04AH02</t>
  </si>
  <si>
    <t>B04AH03</t>
  </si>
  <si>
    <t>B04AH05</t>
  </si>
  <si>
    <t>B04AH07</t>
  </si>
  <si>
    <t>B05</t>
  </si>
  <si>
    <t>B05AN</t>
  </si>
  <si>
    <t>B05AN02</t>
  </si>
  <si>
    <t>B05AA</t>
  </si>
  <si>
    <t>B05AA01</t>
  </si>
  <si>
    <t>B05AB</t>
  </si>
  <si>
    <t>B05AB01</t>
  </si>
  <si>
    <t>B05AB02</t>
  </si>
  <si>
    <t>B05AC</t>
  </si>
  <si>
    <t>B05ACN1</t>
  </si>
  <si>
    <t>B05AC02</t>
  </si>
  <si>
    <t>B05AD</t>
  </si>
  <si>
    <t>B05ADN1</t>
  </si>
  <si>
    <t>B05AE</t>
  </si>
  <si>
    <t>B05AE01</t>
  </si>
  <si>
    <t>B05AF</t>
  </si>
  <si>
    <t>B05AF01</t>
  </si>
  <si>
    <t>B05AG</t>
  </si>
  <si>
    <t>B05AG01</t>
  </si>
  <si>
    <t>B05AH</t>
  </si>
  <si>
    <t>B05AH01</t>
  </si>
  <si>
    <t>B05AI</t>
  </si>
  <si>
    <t>B05AI01</t>
  </si>
  <si>
    <t>B05AI02</t>
  </si>
  <si>
    <t>B05AJ</t>
  </si>
  <si>
    <t>B05AJ01</t>
  </si>
  <si>
    <t>B05AK</t>
  </si>
  <si>
    <t>B05AKN1</t>
  </si>
  <si>
    <t>B05AL</t>
  </si>
  <si>
    <t>B05AL01</t>
  </si>
  <si>
    <t>B05AM</t>
  </si>
  <si>
    <t>B05AM01</t>
  </si>
  <si>
    <t>B06</t>
  </si>
  <si>
    <t>B06AA</t>
  </si>
  <si>
    <t>B06AA01</t>
  </si>
  <si>
    <t>B06AB</t>
  </si>
  <si>
    <t>B06AB01</t>
  </si>
  <si>
    <t>B06AD</t>
  </si>
  <si>
    <t>B06AD01</t>
  </si>
  <si>
    <t>B06AE</t>
  </si>
  <si>
    <t>B06AE01</t>
  </si>
  <si>
    <t>B06AF</t>
  </si>
  <si>
    <t>B06AF01</t>
  </si>
  <si>
    <t>B06AF02</t>
  </si>
  <si>
    <t>B06AF03</t>
  </si>
  <si>
    <t>B06AF04</t>
  </si>
  <si>
    <t>B06AG</t>
  </si>
  <si>
    <t>B06AGN1</t>
  </si>
  <si>
    <t>B06AH</t>
  </si>
  <si>
    <t>B06AHN1</t>
  </si>
  <si>
    <t>B06AH03</t>
  </si>
  <si>
    <t>B06AI</t>
  </si>
  <si>
    <t>B06AI01</t>
  </si>
  <si>
    <t>B06AJ</t>
  </si>
  <si>
    <t>B06AJ01</t>
  </si>
  <si>
    <t>B06AJ02</t>
  </si>
  <si>
    <t>B06AK</t>
  </si>
  <si>
    <t>B06AK01</t>
  </si>
  <si>
    <t>B06AL</t>
  </si>
  <si>
    <t>B06AL01</t>
  </si>
  <si>
    <t>B06AM</t>
  </si>
  <si>
    <t>B06AM01</t>
  </si>
  <si>
    <t>B06AP</t>
  </si>
  <si>
    <t>B06AP01</t>
  </si>
  <si>
    <t>C</t>
  </si>
  <si>
    <t>C01</t>
  </si>
  <si>
    <t>C01AB</t>
  </si>
  <si>
    <t>C01AB01</t>
  </si>
  <si>
    <t>C01AC</t>
  </si>
  <si>
    <t>C01AC01</t>
  </si>
  <si>
    <t>C01AD</t>
  </si>
  <si>
    <t>C01AD01</t>
  </si>
  <si>
    <t>C01AE</t>
  </si>
  <si>
    <t>C01AEN1</t>
  </si>
  <si>
    <t>C01AF</t>
  </si>
  <si>
    <t>C01AF01</t>
  </si>
  <si>
    <t>C01AF02</t>
  </si>
  <si>
    <t>C01AG</t>
  </si>
  <si>
    <t>C01AG01</t>
  </si>
  <si>
    <t>C01AG02</t>
  </si>
  <si>
    <t>C01AG03</t>
  </si>
  <si>
    <t>C01AH</t>
  </si>
  <si>
    <t>C01AH01</t>
  </si>
  <si>
    <t>C01AH02</t>
  </si>
  <si>
    <t>C01AH03</t>
  </si>
  <si>
    <t>C01AI</t>
  </si>
  <si>
    <t>C01AI16</t>
  </si>
  <si>
    <t>C01AI01</t>
  </si>
  <si>
    <t>C01AI02</t>
  </si>
  <si>
    <t>C01AI03</t>
  </si>
  <si>
    <t>C01AI04</t>
  </si>
  <si>
    <t>C01AI05</t>
  </si>
  <si>
    <t>C01AI06</t>
  </si>
  <si>
    <t>C01AI07</t>
  </si>
  <si>
    <t>C01AI08</t>
  </si>
  <si>
    <t>C01AI09</t>
  </si>
  <si>
    <t>C01AI10</t>
  </si>
  <si>
    <t>C01AI11</t>
  </si>
  <si>
    <t>C01AI12</t>
  </si>
  <si>
    <t>C01AI13</t>
  </si>
  <si>
    <t>C01AI14</t>
  </si>
  <si>
    <t>C01AI15</t>
  </si>
  <si>
    <t>C01AJ</t>
  </si>
  <si>
    <t>C01AJ01</t>
  </si>
  <si>
    <t>C01AK</t>
  </si>
  <si>
    <t>C01AK01</t>
  </si>
  <si>
    <t>Classification Category Tree | SEA - Supplier Portal</t>
  </si>
  <si>
    <t>Classification Category Code</t>
  </si>
  <si>
    <t>Classification Category Details (key terms, business sectors, sample items)</t>
  </si>
  <si>
    <t>Classification Category  Description</t>
  </si>
  <si>
    <t>SUPPLIES/SPARE PARTS</t>
  </si>
  <si>
    <t>Specific equipment and vehicles for airport business and related maintenance</t>
  </si>
  <si>
    <t>Snow/ice removal equipment</t>
  </si>
  <si>
    <t>Forerunner</t>
  </si>
  <si>
    <t>Snow knives</t>
  </si>
  <si>
    <t>Salt spreading and de-icing machines</t>
  </si>
  <si>
    <t>Blowers for slope cleaning</t>
  </si>
  <si>
    <t>Airport suction sweepers</t>
  </si>
  <si>
    <t>Emergency equipment - aircraft recovery</t>
  </si>
  <si>
    <t xml:space="preserve">Hygienic and special-purpose barrels </t>
  </si>
  <si>
    <t>Hygienic and special-purpose barrels</t>
  </si>
  <si>
    <t>Inter-track bus</t>
  </si>
  <si>
    <t>Cargo loader and loader transporter</t>
  </si>
  <si>
    <t>Luggage &amp; Cargo Trolleys</t>
  </si>
  <si>
    <t>Rain towels</t>
  </si>
  <si>
    <t>Conveyor belts</t>
  </si>
  <si>
    <t>Compressors</t>
  </si>
  <si>
    <t>Self-propelled compressors</t>
  </si>
  <si>
    <t>Aircraft air conditioners</t>
  </si>
  <si>
    <t>Aircraft generators</t>
  </si>
  <si>
    <t>Aerial platforms</t>
  </si>
  <si>
    <t>Passenger ladders, aircraft</t>
  </si>
  <si>
    <t>Wheelchairs, aircraft</t>
  </si>
  <si>
    <t xml:space="preserve">Tractors towing trolleys </t>
  </si>
  <si>
    <t>Aircraft tow tractors and tow bars</t>
  </si>
  <si>
    <t>Maintenance of special airport vehicles and equipment</t>
  </si>
  <si>
    <t>Equipment and means not specific to the airport business. and related maintenance.</t>
  </si>
  <si>
    <t xml:space="preserve">Electrical equipment </t>
  </si>
  <si>
    <t>Miscellaneous electrical equipment</t>
  </si>
  <si>
    <t>Current rectifiers</t>
  </si>
  <si>
    <t>Precision &amp; Measurement Equipment</t>
  </si>
  <si>
    <t>Infirmary equipment</t>
  </si>
  <si>
    <t>Workshop equipment/technical gases</t>
  </si>
  <si>
    <t>Workshop equipment</t>
  </si>
  <si>
    <t>Technical gases</t>
  </si>
  <si>
    <t>Cleaning equipment</t>
  </si>
  <si>
    <t>Equipment for lifting vehicles</t>
  </si>
  <si>
    <t>Forklifts/pallet trucks</t>
  </si>
  <si>
    <t>Cars</t>
  </si>
  <si>
    <t>Trucks and semi-trailers</t>
  </si>
  <si>
    <t>Bus/minibus</t>
  </si>
  <si>
    <t>Tractors</t>
  </si>
  <si>
    <t>Construction machinery</t>
  </si>
  <si>
    <t>Other Vehicles</t>
  </si>
  <si>
    <t>Ambulances</t>
  </si>
  <si>
    <t>Tow</t>
  </si>
  <si>
    <t>Equipped vans</t>
  </si>
  <si>
    <t>Club cars and electric vehicles</t>
  </si>
  <si>
    <t>Calibration of equipment not specific to the airport business</t>
  </si>
  <si>
    <t>Maintenance of equipment not specific to the airport business</t>
  </si>
  <si>
    <t>Maintenance of vehicles not specific to the airport business</t>
  </si>
  <si>
    <t>Supplies for Construction and Small Maintenance</t>
  </si>
  <si>
    <t>Building Components</t>
  </si>
  <si>
    <t>Prefabricated/portable toilets</t>
  </si>
  <si>
    <t>Constructions and installations for the building industry</t>
  </si>
  <si>
    <t>Light carpentry</t>
  </si>
  <si>
    <t>Construction material and equipment</t>
  </si>
  <si>
    <t>Building consumables (e.g. sand, gravel, cement, etc.)</t>
  </si>
  <si>
    <t>Bituminous conglomerate - sale</t>
  </si>
  <si>
    <t>Maintenance of building supplies</t>
  </si>
  <si>
    <t>Maintenance of building components</t>
  </si>
  <si>
    <t>Products and systems for Information Communication Technology and networking</t>
  </si>
  <si>
    <t>Sw - Purchase, maintenance and rental of SW products/licenses</t>
  </si>
  <si>
    <t>Purchase and rental of SW licenses/products</t>
  </si>
  <si>
    <t>Maintenance of licenses/SW products</t>
  </si>
  <si>
    <t>Hw - purchase</t>
  </si>
  <si>
    <t>P.C. / Notebook</t>
  </si>
  <si>
    <t>Printers/Plotters/Scanners</t>
  </si>
  <si>
    <t>Time &amp; Attendance/RFID Tags/Blip node</t>
  </si>
  <si>
    <t>Multimedia/Interactive Kiosks/Totems</t>
  </si>
  <si>
    <t>More Hw &amp; Accessories</t>
  </si>
  <si>
    <t>HW - Maintenance &amp; Rental</t>
  </si>
  <si>
    <t>Development and maintenance of complex ICT systems</t>
  </si>
  <si>
    <t>Complex airport systems in the ICT field</t>
  </si>
  <si>
    <t>Complex non-airport ICT systems</t>
  </si>
  <si>
    <t>Application development and maintenance (evolutionary/new projects)</t>
  </si>
  <si>
    <t>Development of airport applications</t>
  </si>
  <si>
    <t>Maintenance of airport applications</t>
  </si>
  <si>
    <t>Development of non-airport applications</t>
  </si>
  <si>
    <t>Maintenance of non-airport applications</t>
  </si>
  <si>
    <t>Networking - equipment, maintenance and services</t>
  </si>
  <si>
    <t>Purchase of network/networking/cabling/infrastructure equipment</t>
  </si>
  <si>
    <t>Maintenance of network/networking equipment</t>
  </si>
  <si>
    <t>Networking Services</t>
  </si>
  <si>
    <t>Supplies of technical materials</t>
  </si>
  <si>
    <t>Packaging material</t>
  </si>
  <si>
    <t>Sanitary Supplies</t>
  </si>
  <si>
    <t>Medical compressed gases</t>
  </si>
  <si>
    <t>Drugs</t>
  </si>
  <si>
    <t>Healthcare Products</t>
  </si>
  <si>
    <t>Ecology material</t>
  </si>
  <si>
    <t>Storage systems</t>
  </si>
  <si>
    <t>Oil-absorbing</t>
  </si>
  <si>
    <t>Materials, products and tools for cleaning/hygiene</t>
  </si>
  <si>
    <t>Tools and miscellaneous materials</t>
  </si>
  <si>
    <t>Miscellaneous material and tooling</t>
  </si>
  <si>
    <t>Flags, banners and organization of flows</t>
  </si>
  <si>
    <t>Security Supplies</t>
  </si>
  <si>
    <t>X-ray baggage control machines</t>
  </si>
  <si>
    <t>Explosive detectors</t>
  </si>
  <si>
    <t>Metal detectors</t>
  </si>
  <si>
    <t>LAGs control equipment</t>
  </si>
  <si>
    <t>Chemicals, Fuels &amp; Fuels</t>
  </si>
  <si>
    <t>Fuels, oils and fuels</t>
  </si>
  <si>
    <t>Liquid for aircraft de-icing and runways and aprons</t>
  </si>
  <si>
    <t>Chemicals</t>
  </si>
  <si>
    <t>General company supplies</t>
  </si>
  <si>
    <t>Office Products</t>
  </si>
  <si>
    <t>Stationery &amp; Office Products</t>
  </si>
  <si>
    <t>Furniture &amp; Furnishing Accessories</t>
  </si>
  <si>
    <t>Furnishing accessories</t>
  </si>
  <si>
    <t>Office furniture</t>
  </si>
  <si>
    <t>Furniture for areas open to the public</t>
  </si>
  <si>
    <t>Technical furnishings</t>
  </si>
  <si>
    <t>Promotional items (gadgets)</t>
  </si>
  <si>
    <t>Prints</t>
  </si>
  <si>
    <t>Printed</t>
  </si>
  <si>
    <t>Airport Business Specific Prints</t>
  </si>
  <si>
    <t>Prints, art catalogues</t>
  </si>
  <si>
    <t>Clothing and PPE</t>
  </si>
  <si>
    <t>Workwear/Uniforms/Accessories</t>
  </si>
  <si>
    <t>Uniforms and Workwear</t>
  </si>
  <si>
    <t>Protective Equipment - P.P.E.</t>
  </si>
  <si>
    <t>P.P.E. - Personal protective equipment</t>
  </si>
  <si>
    <t>Further Hardware devices</t>
  </si>
  <si>
    <t>Spare parts and related maintenance</t>
  </si>
  <si>
    <t>Spare parts, equipment and vehicles specific to the airport business</t>
  </si>
  <si>
    <t>Spare parts for equipment and vehicles specific to the airport business</t>
  </si>
  <si>
    <t>Spare parts for equipment not specific to airport business</t>
  </si>
  <si>
    <t>Spare parts for equipment not specific to the airport business</t>
  </si>
  <si>
    <t>Spare parts for vehicles not specific to the airport business</t>
  </si>
  <si>
    <t>Spare parts for the construction industry</t>
  </si>
  <si>
    <t>Spare parts for building components</t>
  </si>
  <si>
    <t>Maintenance of spare parts for vehicles</t>
  </si>
  <si>
    <t>Maintenance of vehicle components</t>
  </si>
  <si>
    <t>Tyre maintenance</t>
  </si>
  <si>
    <t>Supplies and spare parts for production/distribution plants EE and its maintenance</t>
  </si>
  <si>
    <t>Supplies and spare parts for various systems</t>
  </si>
  <si>
    <t xml:space="preserve">Spare parts for goods and baggage transport systems </t>
  </si>
  <si>
    <t>BHS Tapes</t>
  </si>
  <si>
    <t>Other spare parts for cargo and baggage transport systems</t>
  </si>
  <si>
    <t>Spare parts for runway/apron lighting systems</t>
  </si>
  <si>
    <t>Track lamps</t>
  </si>
  <si>
    <t>Refrigeration units, evaporative towers and spare parts for thermomechanical systems</t>
  </si>
  <si>
    <t>Spare parts for passenger embarkation/disembarkation systems</t>
  </si>
  <si>
    <t>Embarkation/disembarkation piers</t>
  </si>
  <si>
    <t>Static converters for pontoons</t>
  </si>
  <si>
    <t>Optical guides</t>
  </si>
  <si>
    <t>Spare parts for auxiliary systems</t>
  </si>
  <si>
    <t>Spare parts for electrical systems</t>
  </si>
  <si>
    <t>Spare parts for CCTV/Video Surveillance systems</t>
  </si>
  <si>
    <t xml:space="preserve">Switchboards </t>
  </si>
  <si>
    <t>Generators</t>
  </si>
  <si>
    <t>Spare parts for plumbing and plumbing systems</t>
  </si>
  <si>
    <t>SERVICES</t>
  </si>
  <si>
    <t>Specific services for airport business</t>
  </si>
  <si>
    <t>Slope and apron degumming</t>
  </si>
  <si>
    <t>Snow removal</t>
  </si>
  <si>
    <t>Aircraft recovery services</t>
  </si>
  <si>
    <t>Assistance for the disabled</t>
  </si>
  <si>
    <t xml:space="preserve">Assistance for the disabled </t>
  </si>
  <si>
    <t>Luggage porter service</t>
  </si>
  <si>
    <t>Luggage trolley management service</t>
  </si>
  <si>
    <t>Bird stike services</t>
  </si>
  <si>
    <t>Bird Strike Services</t>
  </si>
  <si>
    <t>Reclamation of war ordnance</t>
  </si>
  <si>
    <t>Vigilance</t>
  </si>
  <si>
    <t>Unarmed Surveillance</t>
  </si>
  <si>
    <t>Specific services for energy production</t>
  </si>
  <si>
    <t>Engineering, architectural and related services related to buildings</t>
  </si>
  <si>
    <t>Design Services</t>
  </si>
  <si>
    <t>Specialist design support</t>
  </si>
  <si>
    <t>Energy Certification Services for Buildings</t>
  </si>
  <si>
    <t>Energy certification services for buildings</t>
  </si>
  <si>
    <t>Ancillary services to engineering and architecture in the civil and plant engineering sectors</t>
  </si>
  <si>
    <t>General Company Services</t>
  </si>
  <si>
    <t xml:space="preserve">Catering services and other services to support seminars and conferences </t>
  </si>
  <si>
    <t>Rental of set-ups and furnishings for events/conferences/exhibitions</t>
  </si>
  <si>
    <t>Rental of equipment for events/conferences/exhibitions</t>
  </si>
  <si>
    <t>Catering services</t>
  </si>
  <si>
    <t>Cleaning services for civil areas and pest control</t>
  </si>
  <si>
    <t>Collective and commercial catering services</t>
  </si>
  <si>
    <t>Meal vouchers</t>
  </si>
  <si>
    <t>Digital Newspaper Shipping, Logistics &amp; Distribution</t>
  </si>
  <si>
    <t>Courier</t>
  </si>
  <si>
    <t>Special/exceptional transports</t>
  </si>
  <si>
    <t xml:space="preserve">Digital distribution of newspapers/weeklies </t>
  </si>
  <si>
    <t>Business travel services</t>
  </si>
  <si>
    <t>Gardening - Green areas and floriculture</t>
  </si>
  <si>
    <t>Green - maintenance and supply</t>
  </si>
  <si>
    <t>Other general company services</t>
  </si>
  <si>
    <t>Paper archive management</t>
  </si>
  <si>
    <t>Bus/car rental with driver</t>
  </si>
  <si>
    <t>Rental/Washing of Linen for Health Service</t>
  </si>
  <si>
    <t>Automotive Practices</t>
  </si>
  <si>
    <t>Vending machine rental for drinks/food</t>
  </si>
  <si>
    <t>Specialist services</t>
  </si>
  <si>
    <t>Energy Trading Services</t>
  </si>
  <si>
    <t>CO2 allowance purchase services</t>
  </si>
  <si>
    <t>IT Services</t>
  </si>
  <si>
    <t>Telephony services - fixed and mobile</t>
  </si>
  <si>
    <t>Landline/internet services</t>
  </si>
  <si>
    <t>Mobile phone services</t>
  </si>
  <si>
    <t>Ecological Services</t>
  </si>
  <si>
    <t>Services subject to registration in the National Register of Environmental Managers</t>
  </si>
  <si>
    <t>Services subject to Environmental Waste Management Authorizations</t>
  </si>
  <si>
    <t>Analytics Services</t>
  </si>
  <si>
    <t>Personal administration</t>
  </si>
  <si>
    <t>Call Center Services</t>
  </si>
  <si>
    <t>Database Services/Commercial Information</t>
  </si>
  <si>
    <t>Medical and health services</t>
  </si>
  <si>
    <t>Insurance Services</t>
  </si>
  <si>
    <t>Insurance appraisals</t>
  </si>
  <si>
    <t>Translation Services</t>
  </si>
  <si>
    <t>Education &amp; Training Services</t>
  </si>
  <si>
    <t>Training Services</t>
  </si>
  <si>
    <t>Advertising, legal, financial</t>
  </si>
  <si>
    <t>Legal &amp; Financial Listings</t>
  </si>
  <si>
    <t>Weather services</t>
  </si>
  <si>
    <t>Professional Services</t>
  </si>
  <si>
    <t>Professional, administrative, and tax services</t>
  </si>
  <si>
    <t>Professional, Administrative &amp; Tax Services</t>
  </si>
  <si>
    <t>Professional Services for Financial Statement Certification</t>
  </si>
  <si>
    <t>Information &amp; Technology Professional Services</t>
  </si>
  <si>
    <t>Technical professional services in the field of Energy and Heat</t>
  </si>
  <si>
    <t>Professional Creativity &amp; Communication Services</t>
  </si>
  <si>
    <t>Creativity and image</t>
  </si>
  <si>
    <t>Press</t>
  </si>
  <si>
    <t>Press &amp; Web Reputation</t>
  </si>
  <si>
    <t>Communication/Advertising on Media channels</t>
  </si>
  <si>
    <t>Audiovisual, multimedia and photo production</t>
  </si>
  <si>
    <t>Standard and multimedia photo and video creations</t>
  </si>
  <si>
    <t>Event Management Tasks</t>
  </si>
  <si>
    <t>Hostess and interpreting services</t>
  </si>
  <si>
    <t>Professional Certification Services and Auditing</t>
  </si>
  <si>
    <t>Market Research &amp; CRM/Loyalty</t>
  </si>
  <si>
    <t>Professional services for market research and customer satisfaction</t>
  </si>
  <si>
    <t>Management of CRM/Loyalty programs</t>
  </si>
  <si>
    <t>Professional services for the selection and search of personnel</t>
  </si>
  <si>
    <t>Compliance, audit and inspection services</t>
  </si>
  <si>
    <t>Professional services related to the organizational structure and its evolution</t>
  </si>
  <si>
    <t>Professional services to support the evolution of processes</t>
  </si>
  <si>
    <t>Professional services to support processes evolution</t>
  </si>
  <si>
    <t>WORK</t>
  </si>
  <si>
    <t>Construction of infrastructures, buildings, plants and related maintenance</t>
  </si>
  <si>
    <t>Construction and maintenance of civil and industrial buildings</t>
  </si>
  <si>
    <t>Construction and maintenance of road infrastructures, tracks and squares</t>
  </si>
  <si>
    <t>Construction and maintenance Traffic infrastructures, tracks and aprons</t>
  </si>
  <si>
    <t>Construction and maintenance of goods and baggage transport systems</t>
  </si>
  <si>
    <t>Construction and handling systems Luggage &amp; Cargo</t>
  </si>
  <si>
    <t>Construction and maintenance of passenger transport systems</t>
  </si>
  <si>
    <t>Construction and maintenance of slope/apron lighting systems</t>
  </si>
  <si>
    <t>Construction and maintenance for AVL systems</t>
  </si>
  <si>
    <t>Installation and maintenance of fixed and mobile light towers</t>
  </si>
  <si>
    <t>Construction and maintenance of thermomechanical systems</t>
  </si>
  <si>
    <t>Installation and maintenance of refrigeration units</t>
  </si>
  <si>
    <t>Construction and maintenance of air conditioning systems</t>
  </si>
  <si>
    <t>Construction and maintenance of heating systems</t>
  </si>
  <si>
    <t>Construction and maintenance of systems for passenger embarkation/disembarkation</t>
  </si>
  <si>
    <t>Installation and maintenance of embarkation/disembarkation piers</t>
  </si>
  <si>
    <t>Installation and maintenance of static converters for docks</t>
  </si>
  <si>
    <t>Construction and maintenance of Optical Guide Implants</t>
  </si>
  <si>
    <t>Construction and maintenance of auxiliary systems</t>
  </si>
  <si>
    <t>Construction and maintenance of parking systems</t>
  </si>
  <si>
    <t>Construction and maintenance of fixed systems for access control (turnstiles/automatic gates)</t>
  </si>
  <si>
    <t>Installation and maintenance of electric vehicle charging stations</t>
  </si>
  <si>
    <t>Construction and maintenance of audio/video systems</t>
  </si>
  <si>
    <t>Construction and maintenance of CCTV/Video surveillance/video recording systems</t>
  </si>
  <si>
    <t>Construction and maintenance of electrical/MV/LV systems</t>
  </si>
  <si>
    <t>Construction and maintenance of lighting systems</t>
  </si>
  <si>
    <t>Construction and maintenance of fire-fighting systems</t>
  </si>
  <si>
    <t>Construction and maintenance of plumbing and plumbing systems</t>
  </si>
  <si>
    <t>Construction and maintenance of smoke detection systems</t>
  </si>
  <si>
    <t>Construction and maintenance of systems for meteorological surveys</t>
  </si>
  <si>
    <t>Construction and maintenance of irrigation systems</t>
  </si>
  <si>
    <t>Installation and Maintenance of Light Panels/Displays</t>
  </si>
  <si>
    <t>Construction and maintenance of fuel storage systems</t>
  </si>
  <si>
    <t>Construction and maintenance Other auxiliary systems</t>
  </si>
  <si>
    <t>Construction and maintenance of photovoltaic systems</t>
  </si>
  <si>
    <t>Construction and maintenance of telecommunication and data transmission systems</t>
  </si>
  <si>
    <t>Construction and maintenance Telecommunication and data transmission systems</t>
  </si>
  <si>
    <t>Construction and maintenance Reclamation and environmental protection plants and works</t>
  </si>
  <si>
    <t>Drinking Water Barrels/Hygienic Barrels, Fuel Barrels, Killfrost Barrels, Hot Water</t>
  </si>
  <si>
    <t>Bulk Luggage Trolleys, Gondola Trolleys, Self-Service Passenger Trolleys, Dolly, Pallet Trolley</t>
  </si>
  <si>
    <t>Trailed conveyor belts, self-propelled conveyor belts</t>
  </si>
  <si>
    <t>Self-propelled air conditioners, trailed air conditioners</t>
  </si>
  <si>
    <t>Self-propelled aircraft generators, towed aircraft generators</t>
  </si>
  <si>
    <t>Self-propelled passenger ladders, towed passenger ladders, service ladders</t>
  </si>
  <si>
    <t>Diesel tractors, electric tractors, hybrid tractors</t>
  </si>
  <si>
    <t>Aircraft tow tractors with tillers, tractor tow bars, towbarless</t>
  </si>
  <si>
    <t>Ambulift, towbarless, snow blades, salt spreading and de-icing machines, blowers for slope cleaning, airport suction sweepers, equipment. Emergency - Aircraft Recovery, Barrels, Bus, Cargo, Loader, Transporter, Trolleys, Dollys, Conveyor Belts, Compressors, Air Conditioners, De-icer, Friction, Aircraft Generators, Aerial Platforms, Passenger Ladders, Tractors, Snow Groomers</t>
  </si>
  <si>
    <t>Radioactivity detectors, acoustic monitoring instrumentation, water monitoring instrumentation, precision scales, weighbridges, photometric verification/measurement equipment, other precision and measurement equipment</t>
  </si>
  <si>
    <t>nitrogen, argon, carbon dioxide, helium, oxygen, acetylene</t>
  </si>
  <si>
    <t>Vacuum cleaners, fume extraction equipment, workshop filters, machine tools, welding: material and equipment</t>
  </si>
  <si>
    <t>Vacuum cleaners, pressure washers, air lances, sweepers, waste collection and handling equipment</t>
  </si>
  <si>
    <t>Bridges, cranes</t>
  </si>
  <si>
    <t>Diesel Forklifts, Electric Forklifts, Electric Drawbar Forklifts, Pallet Trucks</t>
  </si>
  <si>
    <t>Trucks with special equipment, tipping trucks, semi-trailers</t>
  </si>
  <si>
    <t>Buses for transport equivalent to urban transport, minibuses</t>
  </si>
  <si>
    <t>Tractor Accessories</t>
  </si>
  <si>
    <t>Concrete mixers, earthmoving vehicles, road marking machines for road markings</t>
  </si>
  <si>
    <t xml:space="preserve">acoustic monitoring instrumentation, water monitoring instrumentation, precision equipment, weighbridges, precision scales, photometric verification and measurement equipment </t>
  </si>
  <si>
    <t>miscellaneous electrical equipment, water monitoring instrumentation, precision scales, weighbridges, photometric verification and measurement equipment, tools, current rectifiers, radioactivity detectors, infirmary, vacuum cleaners, smoke extraction equipment, workshop filters, machine tools, welding, plotters, pressure washers, air lances, sweepers, vehicle lifting lifts, forklifts, pallet trucks, acoustic monitoring instrumentation</t>
  </si>
  <si>
    <t>Maintenance of non-specific vehicles, garages, body shops, vehicle washes</t>
  </si>
  <si>
    <t>prefabricated, portable toilets</t>
  </si>
  <si>
    <t xml:space="preserve">carpentry for construction, plasterboard, wooden windows and doors, soundproof false ceilings, micro-perforated slats with mat, internal/external/technical flooring, tactile paths, tactile maps, aluminium/plasterboard/glass walls, doors and gates, REI doors, emergency exits, automatic doors, aluminium/wood windows, </t>
  </si>
  <si>
    <t>bricks, ceramics, stone materials, cement, concrete, wood, steel, glass, composite materials, biomaterials, polymeric fabrics</t>
  </si>
  <si>
    <t>asphalt</t>
  </si>
  <si>
    <t>carpentry for construction, plasterboard, wooden windows and doors, soundproof false ceilings, micro-perforated slats with mat, internal/external/technical flooring, tactile paths, tactile maps, aluminium/plasterboard/glass walls, doors and gates, REI doors, emergency exits, automatic doors, aluminium/wood windows,</t>
  </si>
  <si>
    <t>client/server antivirus, licenses, ADOBE, ARCVIEW, AUTOCAD, AXWAY, CBT, CLONE&amp;TEST, EMBARCADERO, EMC, F5 Firepass, HP, HYLAND - On base, IBM, MICROSOFT, MYSQL CITRIX, ORACLE, ORGANIZATION PUBLISHER, REDHAT, SAP, SIMPLEDO, STRATUS, THINKCELL, VEEAM, VERITAS, VMWARE, XFINEST, Desktop Management platforms, simulation/design SW products, organizational chart management software, treasury management software, document management and archiving software,  HR SW (cost planning, reporting), SW digitization of business processes, SW canteen management, SW operational management of personnel/vehicles, SW payroll, SW development of Intranet platform, SW carpooling services</t>
  </si>
  <si>
    <t>P.C. Desktop, Notebook, APPLE, DELL, LENOVO, HP, P.C. Desktop - OTHER, Notebooks - Other</t>
  </si>
  <si>
    <t>plotters, scanners, multifunction printers, thermographic printers, thermal printers, mini printers for baggage tags, laser printers, ATB, BTP</t>
  </si>
  <si>
    <t>Server &amp; Storage Components, DELL Servers, HP Servers, IBM Servers, Oracle Servers, Stratus Servers, Stratus Servers, Other Brand Storage, HP Architecture Storage, DELL Architecture Storage, IBM Architecture Storage, Oracle Architecture Storage, NAS Architecture Storage, Other Servers</t>
  </si>
  <si>
    <t>RFID tags, BLIP nodes, time and attendance devices</t>
  </si>
  <si>
    <t>Multimedia/interactive kiosks, totems/charging stations, multimedia totems</t>
  </si>
  <si>
    <t>Apple Handhelds, Smartphones &amp; Accessories, Samsung Smartphones &amp; Accessories, Smartphones &amp; Accessories - Other Brands, Tablets &amp; Accessories - Apple, Tablets &amp; Accessories - Samsung, Tablets &amp; Accessories - Other Brands</t>
  </si>
  <si>
    <t>LED indicators, LED walls, touch screen monitors, PC monitors, visual monitors. Passenger (PID) FIDS, Plasma/LCD/LED Monitor</t>
  </si>
  <si>
    <t>cameras/camcorders, vinyl for plotters, HD/Ram, burners, video projectors, webcams, graphics cards, network cards, USB sticks, HDMI cables, headphones, accessories for P.C./Notebook/Panel P.C., barcode readers, POS (Point of Sale), tape drives, printer cartridges/toners, routers, robots/droids, drones</t>
  </si>
  <si>
    <t>Public Information (FIDS), A.B.C. (Automated Border Control), CUTE System, Baggage Handling Software (HBS/EBS), SW Personnel / Equipment Operational Management, Audible Announcements to the Passenger Public, Vehicular Radio Management - TETRA, Airport Messaging, D.C.S. (Departure Control System), Self Check-in Systems, Self Bag Drop-Off Systems, Surveillance and Control Systems, Other Complex ICT Systems</t>
  </si>
  <si>
    <t>videoconferencing systems - others, Barracuda firewall, firewall - other brands, Antivirus gateways, content filtering (SW and licenses), SW intrusion detection/prevention, Facility Management, SW automation and control of electrical networks, RFID CAM systems, authentication systems, business intelligence systems, access control, IT dematerialization, disaster recovery, encryption systems - maintenance, digital signature, identity management, optical reading, loyalty systems,  payment systems, biometric detection, time &amp; attendance, retail (IoT), queue detection/monitoring, strong authentication (HW) systems, video projection/multimedia games, vulnerability assessment, systems and equipment for VPNs, custom corporate CRMs, videoconferencing systems - AVAYA, videoconferencing systems - CISCO, videoconferencing systems - POLYCOM, Palo Alto Firewall, geolocation systems, Cybersecurity systems/technologies/services, other systems ICT Complexes</t>
  </si>
  <si>
    <t xml:space="preserve">maintenance, website graphics - High Lev., website graphics - Low Lev., management/administrative/HR applications, OLS applications, Microsoft applications, SAP applications, SW for e-commerce, SW for HR, SW for e-procurement, SW for Mobility Management applications, maintenance of other applications in the non-airport environment
</t>
  </si>
  <si>
    <t>development, website graphics - High Lev., website graphics - Low Lev., management/administrative/HR applications, application development in the OLS field, application development in the Microsoft field, SAP development, SW for e-commerce, SW for HR, SW for e-procurement, SW for Mobility Management applications, development of other applications in the non-airport field/sector</t>
  </si>
  <si>
    <t>BELDEN network equipment, EXTREME wired network equipment, wired network equipment - other brands, CISCO wireless network equipment, wireless network equipment - other brands, vehicle radio equipment/antennas, fixed telephony sets, telephone exchanges, LTE systems (indoor and/or outdoor), radio equipment, active network products, passive network products, LAN/Wireless/VPN network, TYCO AMPNETConnect network equipment,  Other Networking Products/Materials</t>
  </si>
  <si>
    <t>EXTREME wired network, wired network - other brands, CISCO wireless network, wireless network - other brands, telephone exchanges, LTE systems (indoor and/or outdoor), other Networking services</t>
  </si>
  <si>
    <t>Polyethylene Reels/Films, Plastic Packaging, Packaging Tapes</t>
  </si>
  <si>
    <t>storage cabinets, big bags, bins, cisterns, refrigerated counters, roll-off containers, wheeled containers, containers for special waste, drums, collection tanks</t>
  </si>
  <si>
    <t>Hygiene and hotel materials, hygiene dispensers, cleaning tools, bedding cloths, polyethylene bags, paper fabric</t>
  </si>
  <si>
    <t>Miscellaneous electrical equipment, electronics material, plastic material, iron and steel material, tools, miscellaneous hydraulic equipment</t>
  </si>
  <si>
    <t>Fuels, combustible gases, heating oil, oils and lubricants</t>
  </si>
  <si>
    <t>Runway and apron de-icing liquid, aircraft de-icing fluid, SQ runway and apron de-icing liquid, SQ car de-icing liquid</t>
  </si>
  <si>
    <t>Chemical products for emission abatement, paints, enamels, solvents, road de-icing products, urea, ammonia, calcium chloride, sea salt, other chemical products</t>
  </si>
  <si>
    <t>Stationery, office machinery, office machinery maintenance</t>
  </si>
  <si>
    <t>Furnishing accessories, household appliances, lamps, mirrors, cots and sleeping bags, beds and mattresses, curtains and similar upholstery</t>
  </si>
  <si>
    <t>metal cabinets, desks, chairs, tables</t>
  </si>
  <si>
    <t>counters and counters, waste bins for separate waste collection, display systems/totems/panels, stands</t>
  </si>
  <si>
    <t>lockers for changing rooms, furniture for play and leisure areas, sanitary furniture, safes, safety deposit boxes/cabinets, material for fire emergency cabinets, metal shelving, sacred furnishings, doormats, runners, carpets, towels</t>
  </si>
  <si>
    <t>Prints of communication materials, prints on special media, general prints</t>
  </si>
  <si>
    <t>CUTE System Baggage Tags, RFID Baggage Tags, Excess Baggage Tags, Parking Tickets, CUTE System Boarding Passes</t>
  </si>
  <si>
    <t xml:space="preserve">Workwear, uniforms, accessories
</t>
  </si>
  <si>
    <t xml:space="preserve">miscellaneous electrical equipment, water monitoring instrumentation, precision scales, weighbridges, photometric verification and measurement equipment, tools, current rectifiers, radioactivity detectors, infirmary, vacuum cleaners, equipped
</t>
  </si>
  <si>
    <t xml:space="preserve">Agricultural tractors, starter batteries, traction batteries, tow hooks, electrical/mechanical/technical spare parts for vehicles, pipes for vehicles, engines and spare parts for vehicle engines, seats for vehicles, tire dealers - tires and inner tubes for sale
</t>
  </si>
  <si>
    <t>spare parts, carpentry for construction, plasterboard, wooden windows and doors, soundproof false ceilings, micro-perforated slats with mat, internal/external/technical flooring, tactile paths, tactile maps, aluminium/plasterboard/glass walls, doors and gates, REI doors, emergency exits, automatic doors, aluminium/wood windows,</t>
  </si>
  <si>
    <t>Starter batteries, traction batteries, electrical/mechanical/technical spare parts for motor vehicles, engines and spare parts for motor vehicle engines, seats for motor vehicles</t>
  </si>
  <si>
    <t>Tire removal and assembly, repair, revulcanization</t>
  </si>
  <si>
    <t>Air conditioning/heating systems, filters for air handling units</t>
  </si>
  <si>
    <t>MV and LV electrical systems</t>
  </si>
  <si>
    <t>Degumming with shot peening machine, hydro-degumming</t>
  </si>
  <si>
    <t>Snow removal service, salt spreading and road de-icing service</t>
  </si>
  <si>
    <t xml:space="preserve">Rental of set-ups and furnishings for conferences/events, rental of platforms, stages, platforms, chairs, grandstands, plants and floral decorations
</t>
  </si>
  <si>
    <t xml:space="preserve">Rental of audio-visual and lighting systems
</t>
  </si>
  <si>
    <t xml:space="preserve">General cleaning, pest control, sanitation, rodent control, disinfection
</t>
  </si>
  <si>
    <t xml:space="preserve">Mowing grass, maintenance of green areas, sale of floral decorations
</t>
  </si>
  <si>
    <t>Fleet Management, Automotive Practices</t>
  </si>
  <si>
    <t xml:space="preserve">Digital Marketing messaging/maintenance software, weather data services, remote management of parking meters, advanced Helpdesk services, radio equipment installation/configuration, LAN network design/assistance, Web Analytics, integrated services to HR systems, PROXI services, SEO (Search Engine Optimization), personnel management services, technical assistance, SW Corporate Banking services, SW services for the legality protocol, Cloud services
</t>
  </si>
  <si>
    <t xml:space="preserve">Internet, landline telephony services, other private networks
</t>
  </si>
  <si>
    <t xml:space="preserve">Mobile Phone Support Services, Mobile Phone Services
</t>
  </si>
  <si>
    <t>Services subject to registration in the National Register of Environmental Managers, radiation protection and remediation of radioactive sites</t>
  </si>
  <si>
    <t>Environmental analyses for site characterization, laboratory analysis, tissue and materials analysis laboratory</t>
  </si>
  <si>
    <t>Retail education and training services, other education and training services</t>
  </si>
  <si>
    <t>Corporate communication and marketing, communication on social channels, communication of exhibitions and artistic events, internal communication, parliamentary monitoring, trade promotion of the travel sector</t>
  </si>
  <si>
    <t>Event management activities, technical assistance services for conferences and events, pet therapy, exhibitions and cultural events, sporting events, musical events</t>
  </si>
  <si>
    <t>Multimedia/viral videos, photo shoots and photo shoots</t>
  </si>
  <si>
    <t xml:space="preserve">Matching SOA categories: 
OG 1 - Civil and industrial buildings,
OS1 - earthworks
OS 6 - Finishing of general works in wooden, plastic, metal and glass materials
OS 7 - Finishing of general construction and technical works
OS 8 - Waterproofing works
OS 13 - Prefabricated reinforced concrete structures
OS18A - Structural Steel Components
OS 18 -B - Curtain wall components 
OS 21 - Special structural works
OS 23 - Demolition of works
OS24 - green and urban furniture
</t>
  </si>
  <si>
    <t xml:space="preserve">Matching SOA categories: 
OG 3 - Roads, motorways, bridges, viaducts, railways, subways
OS1 - earthworks
OS 10 - Non-illuminated road signs
OS 12 -A - Safety road barriers
OS26 - special flooring and superstructures
</t>
  </si>
  <si>
    <t>Matching SOA categories: 
OS4 - electromechanical conveyor systems</t>
  </si>
  <si>
    <t>Matching SOA categories: 
OS 9 - Lighting and traffic safety systems
OG 10 - Plants for the transformation of high/medium voltage and for the distribution of electricity in alternating and direct current and public lighting systems
OS 19 - Telecommunications and transmission and processing network installations</t>
  </si>
  <si>
    <t>Matching SOA categories: 
OS 28 - Heating and air conditioning systems
OG 11 - Technological systems</t>
  </si>
  <si>
    <t xml:space="preserve">Matching SOA categories: 
OS 18-A - Structural Components in Steel and Metal 
OS 18 -B - Curtain wall components
OS 30
</t>
  </si>
  <si>
    <t>Matching SOA categories:
OS 30 - Internal electrical, telephone, radiotelephone and television systems
OS 28 - Heating and air conditioning systems
OS 5 - Pneumatic and anti-intrusion systems
OG 10 - Plants for the transformation of high/medium voltage and for the distribution of electricity in alternating and direct current and public lighting systems
OG 11 - Technological systems</t>
  </si>
  <si>
    <t xml:space="preserve">
Matching SOA categories:
OS 30 - Internal electrical, telephone, radiotelephone and television systems
OS 5 - Pneumatic and anti-intrusion systems
OG 11 - Technological systems
</t>
  </si>
  <si>
    <t xml:space="preserve">Matching SOA categories:
OS 30 - Internal electrical, telephone, radiotelephone and television systems
OG 10 - Plants for the transformation of high/medium voltage and for the distribution of electricity in alternating and direct current and public lighting systems
OG 11 - Technological systems
</t>
  </si>
  <si>
    <t xml:space="preserve">Matching SOA categories:
OS 30 - Internal electrical, telephone, radiotelephone and television systems
OG 11 - Technological systems
</t>
  </si>
  <si>
    <t>Matching SOA categories:
OS 30 - Internal electrical, telephone, radiotelephone and television systems
OS 5 - Pneumatic and anti-intrusion systems
OG 11 - Technological systems</t>
  </si>
  <si>
    <t>Matching SOA categories:
OG 10 - Plants for the transformation of high/medium voltage and for the distribution of electricity in alternating and direct current and public lighting systems</t>
  </si>
  <si>
    <t xml:space="preserve">Matching SOA categories:
OS 28 - Heating and air conditioning systems
OS 30 - Internal electrical, telephone, radiotelephone and television systems
OG 11 - Technological systems
OS3 - plumbing systems, kitchens, laundries
</t>
  </si>
  <si>
    <t>Matching SOA categories:
OS3 - plumbing systems, kitchens, laundries
OG 11 - Technological systems</t>
  </si>
  <si>
    <t>Matching SOA categories:
OS 28 - Heating and air conditioning systems
OS 30 - Internal electrical, telephone, radiotelephone and television systems
OG 11 - Technological systems
OS3 - plumbing systems, kitchens, laundries</t>
  </si>
  <si>
    <t>Matching SOA categories:
OG 6 - Aqueducts, gas pipelines, oil pipelines, irrigation and evacuation works</t>
  </si>
  <si>
    <t xml:space="preserve">Matching SOA categories:
OS 30 - Internal electrical, telephone, radiotelephone and television systems
OG 10 - Plants for the transformation of high/medium voltage and for the distribution of electricity in alternating and direct current and public lighting systems
OG 11 - Technological systems
OS 19 - Telecommunications and transmission and processing network installations
</t>
  </si>
  <si>
    <t>Matching SOA categories:
OG 11 - Technological systems</t>
  </si>
  <si>
    <t>Matching SOA categories:
OS 30 - Internal electrical, telephone, radiotelephone and television systems</t>
  </si>
  <si>
    <t>Matching SOA categories:
OG9 - Plants for the production of electricity. (such as photovoltaic systems and wind turbines)</t>
  </si>
  <si>
    <t>Matching SOA categories:
OS 19 - Telecommunications and transmission and processing network installations</t>
  </si>
  <si>
    <t xml:space="preserve">Matching SOA categories:
OG 12 - Environmental reclamation and protection works and plants
</t>
  </si>
  <si>
    <t>B01AI</t>
  </si>
  <si>
    <t>B01AI01</t>
  </si>
  <si>
    <t>Drone monitoring</t>
  </si>
  <si>
    <t>Drone monitoring service</t>
  </si>
  <si>
    <t>A13</t>
  </si>
  <si>
    <t>A13AA</t>
  </si>
  <si>
    <t>A13AA01</t>
  </si>
  <si>
    <t>A13AA03</t>
  </si>
  <si>
    <t>A13AA02</t>
  </si>
  <si>
    <t>Supplies through distribution networks</t>
  </si>
  <si>
    <t xml:space="preserve">Water, Methane gas, Electric Energy </t>
  </si>
  <si>
    <t>Water</t>
  </si>
  <si>
    <t>Methane gas</t>
  </si>
  <si>
    <t>Electric energy</t>
  </si>
  <si>
    <t>H₂O water</t>
  </si>
  <si>
    <t>Methane Gas CH₄</t>
  </si>
  <si>
    <t>Electrical kWh</t>
  </si>
  <si>
    <t>A06AA06</t>
  </si>
  <si>
    <t>Bird Strike Equipment and Systems</t>
  </si>
  <si>
    <t>B01AE02</t>
  </si>
  <si>
    <t>Luggage transport services</t>
  </si>
  <si>
    <t>Movement of luggage, cargo or passenger equipment.</t>
  </si>
  <si>
    <t>B01AJ</t>
  </si>
  <si>
    <t>B01AJ01</t>
  </si>
  <si>
    <t>Fuel system operation services</t>
  </si>
  <si>
    <t>Operational and technical services dedicated to managing fuel distribution systems and supporting operating procedures.</t>
  </si>
  <si>
    <t>B03AA20</t>
  </si>
  <si>
    <t>B03AA21</t>
  </si>
  <si>
    <t>B03AA22</t>
  </si>
  <si>
    <t>B03AA23</t>
  </si>
  <si>
    <t>B03AA24</t>
  </si>
  <si>
    <t>B03AA25</t>
  </si>
  <si>
    <t>B03AA26</t>
  </si>
  <si>
    <t>Building design / Structural design</t>
  </si>
  <si>
    <t>Systems design</t>
  </si>
  <si>
    <t>Mobility infrastructure design</t>
  </si>
  <si>
    <t>Hydraulic design</t>
  </si>
  <si>
    <t>Information and communication technology design</t>
  </si>
  <si>
    <t>Landscape and environmental design</t>
  </si>
  <si>
    <t xml:space="preserve"> Territorial and urban planning design</t>
  </si>
  <si>
    <t>Qualification System for Design Services</t>
  </si>
  <si>
    <t>B03AC20</t>
  </si>
  <si>
    <t>B03AC21</t>
  </si>
  <si>
    <t>B03AC22</t>
  </si>
  <si>
    <t>B03AC23</t>
  </si>
  <si>
    <t>B03AC24</t>
  </si>
  <si>
    <t>B03AC25</t>
  </si>
  <si>
    <t>B03AC26</t>
  </si>
  <si>
    <t>Works Supervision</t>
  </si>
  <si>
    <t>Safety Coordination during Design Phase (CSP) / Safety Coordination during Execution Phase (CSE)</t>
  </si>
  <si>
    <t>Structural testing, in-progress inspections, and technical-administrative validations</t>
  </si>
  <si>
    <t>Project Validation</t>
  </si>
  <si>
    <t>Procedures for Fire Prevention Certificate (CPI) issued by the Fire Department</t>
  </si>
  <si>
    <t>Topographic surveys, geotechnical and archaeological investigations</t>
  </si>
  <si>
    <t>Ancillary services for civil and plant engineering and architecture</t>
  </si>
  <si>
    <t>Qualification System for Ancillary Services in Civil and Plant Engineering and Architectur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font>
      <sz val="11"/>
      <color indexed="8"/>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b/>
      <sz val="14"/>
      <color indexed="8"/>
      <name val="Aptos Narrow"/>
      <family val="2"/>
      <scheme val="minor"/>
    </font>
    <font>
      <sz val="11"/>
      <name val="Aptos Narrow"/>
      <family val="2"/>
      <scheme val="minor"/>
    </font>
    <font>
      <sz val="11"/>
      <color theme="0"/>
      <name val="Aptos Narrow"/>
      <family val="2"/>
      <scheme val="minor"/>
    </font>
    <font>
      <b/>
      <sz val="11"/>
      <name val="Aptos Narrow"/>
      <family val="2"/>
      <scheme val="minor"/>
    </font>
    <font>
      <sz val="11"/>
      <color indexed="8"/>
      <name val="Aptos Narrow"/>
      <scheme val="minor"/>
    </font>
    <font>
      <sz val="11"/>
      <name val="Aptos Narrow"/>
      <scheme val="minor"/>
    </font>
  </fonts>
  <fills count="6">
    <fill>
      <patternFill patternType="none"/>
    </fill>
    <fill>
      <patternFill patternType="gray125"/>
    </fill>
    <fill>
      <patternFill patternType="solid">
        <fgColor rgb="FFFF0000"/>
        <bgColor indexed="64"/>
      </patternFill>
    </fill>
    <fill>
      <patternFill patternType="solid">
        <fgColor theme="3" tint="0.249977111117893"/>
        <bgColor indexed="64"/>
      </patternFill>
    </fill>
    <fill>
      <patternFill patternType="solid">
        <fgColor theme="0" tint="-0.14999847407452621"/>
        <bgColor indexed="64"/>
      </patternFill>
    </fill>
    <fill>
      <patternFill patternType="solid">
        <fgColor theme="7" tint="0.79998168889431442"/>
        <bgColor indexed="64"/>
      </patternFill>
    </fill>
  </fills>
  <borders count="3">
    <border>
      <left/>
      <right/>
      <top/>
      <bottom/>
      <diagonal/>
    </border>
    <border>
      <left/>
      <right/>
      <top/>
      <bottom style="medium">
        <color rgb="FF000000"/>
      </bottom>
      <diagonal/>
    </border>
    <border>
      <left/>
      <right/>
      <top/>
      <bottom style="thin">
        <color indexed="64"/>
      </bottom>
      <diagonal/>
    </border>
  </borders>
  <cellStyleXfs count="1">
    <xf numFmtId="0" fontId="0" fillId="0" borderId="0"/>
  </cellStyleXfs>
  <cellXfs count="30">
    <xf numFmtId="0" fontId="0" fillId="0" borderId="0" xfId="0"/>
    <xf numFmtId="49" fontId="10" fillId="0" borderId="2" xfId="0" applyNumberFormat="1" applyFont="1" applyBorder="1" applyAlignment="1">
      <alignment horizontal="right" vertical="center" wrapText="1"/>
    </xf>
    <xf numFmtId="49" fontId="10" fillId="0" borderId="2" xfId="0" applyNumberFormat="1" applyFont="1" applyBorder="1" applyAlignment="1">
      <alignment horizontal="center" vertical="center" wrapText="1"/>
    </xf>
    <xf numFmtId="49" fontId="10" fillId="0" borderId="2" xfId="0" applyNumberFormat="1" applyFont="1" applyBorder="1" applyAlignment="1">
      <alignment horizontal="left" vertical="center" wrapText="1"/>
    </xf>
    <xf numFmtId="0" fontId="6" fillId="0" borderId="0" xfId="0" applyFont="1" applyAlignment="1">
      <alignment horizontal="left" vertical="center" wrapText="1"/>
    </xf>
    <xf numFmtId="49" fontId="6" fillId="0" borderId="0" xfId="0" applyNumberFormat="1" applyFont="1" applyAlignment="1">
      <alignment horizontal="left" vertical="center" wrapText="1"/>
    </xf>
    <xf numFmtId="0" fontId="0" fillId="0" borderId="0" xfId="0" applyAlignment="1">
      <alignment vertical="center"/>
    </xf>
    <xf numFmtId="0" fontId="7" fillId="0" borderId="0" xfId="0" applyFont="1" applyAlignment="1">
      <alignment vertical="center"/>
    </xf>
    <xf numFmtId="49" fontId="9" fillId="2" borderId="0" xfId="0" applyNumberFormat="1" applyFont="1" applyFill="1" applyAlignment="1">
      <alignment vertical="center"/>
    </xf>
    <xf numFmtId="49" fontId="9" fillId="3" borderId="0" xfId="0" applyNumberFormat="1" applyFont="1" applyFill="1" applyAlignment="1">
      <alignment vertical="center"/>
    </xf>
    <xf numFmtId="49" fontId="6" fillId="5" borderId="0" xfId="0" applyNumberFormat="1" applyFont="1" applyFill="1" applyAlignment="1">
      <alignment vertical="center"/>
    </xf>
    <xf numFmtId="49" fontId="6" fillId="4" borderId="0" xfId="0" applyNumberFormat="1" applyFont="1" applyFill="1" applyAlignment="1">
      <alignment vertical="center"/>
    </xf>
    <xf numFmtId="0" fontId="8" fillId="0" borderId="1" xfId="0" applyFont="1" applyBorder="1" applyAlignment="1">
      <alignment vertical="center"/>
    </xf>
    <xf numFmtId="0" fontId="0" fillId="0" borderId="0" xfId="0" applyAlignment="1">
      <alignment horizontal="right" vertical="center"/>
    </xf>
    <xf numFmtId="49" fontId="8" fillId="0" borderId="0" xfId="0" applyNumberFormat="1" applyFont="1" applyAlignment="1">
      <alignment horizontal="right" vertical="center"/>
    </xf>
    <xf numFmtId="0" fontId="8" fillId="0" borderId="0" xfId="0" applyFont="1" applyAlignment="1">
      <alignment horizontal="right" vertical="center"/>
    </xf>
    <xf numFmtId="49" fontId="5" fillId="5" borderId="0" xfId="0" applyNumberFormat="1" applyFont="1" applyFill="1" applyAlignment="1">
      <alignment vertical="center"/>
    </xf>
    <xf numFmtId="49" fontId="5" fillId="4" borderId="0" xfId="0" applyNumberFormat="1" applyFont="1" applyFill="1" applyAlignment="1">
      <alignment vertical="center"/>
    </xf>
    <xf numFmtId="49" fontId="5" fillId="0" borderId="0" xfId="0" applyNumberFormat="1" applyFont="1" applyAlignment="1">
      <alignment horizontal="left" vertical="center" wrapText="1"/>
    </xf>
    <xf numFmtId="49" fontId="4" fillId="0" borderId="0" xfId="0" applyNumberFormat="1" applyFont="1" applyAlignment="1">
      <alignment horizontal="left" vertical="center" wrapText="1"/>
    </xf>
    <xf numFmtId="0" fontId="4" fillId="0" borderId="0" xfId="0" applyFont="1" applyAlignment="1">
      <alignment horizontal="left" vertical="center" wrapText="1"/>
    </xf>
    <xf numFmtId="49" fontId="3" fillId="4" borderId="0" xfId="0" applyNumberFormat="1" applyFont="1" applyFill="1" applyAlignment="1">
      <alignment vertical="center"/>
    </xf>
    <xf numFmtId="49" fontId="2" fillId="4" borderId="0" xfId="0" applyNumberFormat="1" applyFont="1" applyFill="1" applyAlignment="1">
      <alignment vertical="center"/>
    </xf>
    <xf numFmtId="49" fontId="2" fillId="0" borderId="0" xfId="0" applyNumberFormat="1" applyFont="1" applyAlignment="1">
      <alignment horizontal="left" vertical="center" wrapText="1"/>
    </xf>
    <xf numFmtId="49" fontId="1" fillId="5" borderId="0" xfId="0" applyNumberFormat="1" applyFont="1" applyFill="1" applyAlignment="1">
      <alignment vertical="center"/>
    </xf>
    <xf numFmtId="0" fontId="11" fillId="0" borderId="0" xfId="0" applyFont="1" applyBorder="1" applyAlignment="1">
      <alignment horizontal="right" vertical="center"/>
    </xf>
    <xf numFmtId="49" fontId="12" fillId="0" borderId="0" xfId="0" applyNumberFormat="1" applyFont="1" applyFill="1" applyBorder="1" applyAlignment="1">
      <alignment horizontal="right" vertical="center"/>
    </xf>
    <xf numFmtId="49" fontId="1" fillId="4" borderId="0" xfId="0" applyNumberFormat="1" applyFont="1" applyFill="1" applyAlignment="1">
      <alignment vertical="center"/>
    </xf>
    <xf numFmtId="49" fontId="1" fillId="0" borderId="0" xfId="0" applyNumberFormat="1" applyFont="1" applyAlignment="1">
      <alignment horizontal="left" vertical="center" wrapText="1"/>
    </xf>
    <xf numFmtId="49" fontId="12" fillId="0" borderId="0" xfId="0" applyNumberFormat="1" applyFont="1" applyBorder="1" applyAlignment="1">
      <alignment horizontal="right" vertical="center"/>
    </xf>
  </cellXfs>
  <cellStyles count="1">
    <cellStyle name="Normale" xfId="0" builtinId="0"/>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541020</xdr:colOff>
      <xdr:row>0</xdr:row>
      <xdr:rowOff>58420</xdr:rowOff>
    </xdr:from>
    <xdr:to>
      <xdr:col>1</xdr:col>
      <xdr:colOff>1255495</xdr:colOff>
      <xdr:row>2</xdr:row>
      <xdr:rowOff>2636</xdr:rowOff>
    </xdr:to>
    <xdr:pic>
      <xdr:nvPicPr>
        <xdr:cNvPr id="2" name="Picture 1">
          <a:extLst>
            <a:ext uri="{FF2B5EF4-FFF2-40B4-BE49-F238E27FC236}">
              <a16:creationId xmlns:a16="http://schemas.microsoft.com/office/drawing/2014/main" id="{2ED2B059-78DD-F0ED-1774-B85052F54C7B}"/>
            </a:ext>
          </a:extLst>
        </xdr:cNvPr>
        <xdr:cNvPicPr>
          <a:picLocks noChangeAspect="1"/>
        </xdr:cNvPicPr>
      </xdr:nvPicPr>
      <xdr:blipFill>
        <a:blip xmlns:r="http://schemas.openxmlformats.org/officeDocument/2006/relationships" r:embed="rId1"/>
        <a:stretch>
          <a:fillRect/>
        </a:stretch>
      </xdr:blipFill>
      <xdr:spPr>
        <a:xfrm>
          <a:off x="693420" y="58420"/>
          <a:ext cx="714475" cy="680816"/>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B2:D395"/>
  <sheetViews>
    <sheetView tabSelected="1" zoomScaleNormal="100" zoomScaleSheetLayoutView="115" workbookViewId="0">
      <pane xSplit="1" ySplit="4" topLeftCell="B5" activePane="bottomRight" state="frozen"/>
      <selection pane="topRight" activeCell="B1" sqref="B1"/>
      <selection pane="bottomLeft" activeCell="A5" sqref="A5"/>
      <selection pane="bottomRight" activeCell="B2" sqref="B2"/>
    </sheetView>
  </sheetViews>
  <sheetFormatPr defaultColWidth="8.875" defaultRowHeight="14.25"/>
  <cols>
    <col min="1" max="1" width="2.25" customWidth="1"/>
    <col min="2" max="2" width="21.125" style="13" customWidth="1"/>
    <col min="3" max="3" width="84.875" style="6" bestFit="1" customWidth="1"/>
    <col min="4" max="4" width="69.75" style="4" customWidth="1"/>
    <col min="5" max="5" width="1.5" customWidth="1"/>
  </cols>
  <sheetData>
    <row r="2" spans="2:4" ht="44.45" customHeight="1">
      <c r="C2" s="7" t="s">
        <v>374</v>
      </c>
    </row>
    <row r="3" spans="2:4" ht="59.45" customHeight="1"/>
    <row r="4" spans="2:4" ht="39" customHeight="1">
      <c r="B4" s="1" t="s">
        <v>375</v>
      </c>
      <c r="C4" s="2" t="s">
        <v>377</v>
      </c>
      <c r="D4" s="3" t="s">
        <v>376</v>
      </c>
    </row>
    <row r="5" spans="2:4">
      <c r="B5" s="14" t="s">
        <v>0</v>
      </c>
      <c r="C5" s="8" t="s">
        <v>378</v>
      </c>
      <c r="D5" s="5"/>
    </row>
    <row r="6" spans="2:4">
      <c r="B6" s="14" t="s">
        <v>1</v>
      </c>
      <c r="C6" s="9" t="s">
        <v>379</v>
      </c>
      <c r="D6" s="5"/>
    </row>
    <row r="7" spans="2:4">
      <c r="B7" s="14" t="s">
        <v>2</v>
      </c>
      <c r="C7" s="10" t="s">
        <v>3</v>
      </c>
      <c r="D7" s="5"/>
    </row>
    <row r="8" spans="2:4">
      <c r="B8" s="14" t="s">
        <v>4</v>
      </c>
      <c r="C8" s="11" t="s">
        <v>3</v>
      </c>
      <c r="D8" s="5"/>
    </row>
    <row r="9" spans="2:4">
      <c r="B9" s="14" t="s">
        <v>5</v>
      </c>
      <c r="C9" s="10" t="s">
        <v>380</v>
      </c>
      <c r="D9" s="5"/>
    </row>
    <row r="10" spans="2:4">
      <c r="B10" s="14" t="s">
        <v>6</v>
      </c>
      <c r="C10" s="11" t="s">
        <v>381</v>
      </c>
      <c r="D10" s="5"/>
    </row>
    <row r="11" spans="2:4">
      <c r="B11" s="14" t="s">
        <v>7</v>
      </c>
      <c r="C11" s="11" t="s">
        <v>382</v>
      </c>
      <c r="D11" s="5"/>
    </row>
    <row r="12" spans="2:4">
      <c r="B12" s="14" t="s">
        <v>8</v>
      </c>
      <c r="C12" s="11" t="s">
        <v>383</v>
      </c>
      <c r="D12" s="5"/>
    </row>
    <row r="13" spans="2:4">
      <c r="B13" s="14" t="s">
        <v>9</v>
      </c>
      <c r="C13" s="11" t="s">
        <v>384</v>
      </c>
      <c r="D13" s="5"/>
    </row>
    <row r="14" spans="2:4">
      <c r="B14" s="14" t="s">
        <v>10</v>
      </c>
      <c r="C14" s="10" t="s">
        <v>385</v>
      </c>
      <c r="D14" s="5"/>
    </row>
    <row r="15" spans="2:4">
      <c r="B15" s="14" t="s">
        <v>11</v>
      </c>
      <c r="C15" s="11" t="s">
        <v>385</v>
      </c>
      <c r="D15" s="5"/>
    </row>
    <row r="16" spans="2:4">
      <c r="B16" s="14" t="s">
        <v>12</v>
      </c>
      <c r="C16" s="10" t="s">
        <v>386</v>
      </c>
      <c r="D16" s="5"/>
    </row>
    <row r="17" spans="2:4">
      <c r="B17" s="14" t="s">
        <v>13</v>
      </c>
      <c r="C17" s="11" t="s">
        <v>386</v>
      </c>
      <c r="D17" s="5"/>
    </row>
    <row r="18" spans="2:4">
      <c r="B18" s="14" t="s">
        <v>14</v>
      </c>
      <c r="C18" s="10" t="s">
        <v>387</v>
      </c>
      <c r="D18" s="5"/>
    </row>
    <row r="19" spans="2:4">
      <c r="B19" s="14" t="s">
        <v>15</v>
      </c>
      <c r="C19" s="11" t="s">
        <v>388</v>
      </c>
      <c r="D19" s="5" t="s">
        <v>660</v>
      </c>
    </row>
    <row r="20" spans="2:4">
      <c r="B20" s="14" t="s">
        <v>16</v>
      </c>
      <c r="C20" s="10" t="s">
        <v>389</v>
      </c>
      <c r="D20" s="5"/>
    </row>
    <row r="21" spans="2:4">
      <c r="B21" s="14" t="s">
        <v>17</v>
      </c>
      <c r="C21" s="11" t="s">
        <v>389</v>
      </c>
      <c r="D21" s="5"/>
    </row>
    <row r="22" spans="2:4">
      <c r="B22" s="14" t="s">
        <v>18</v>
      </c>
      <c r="C22" s="10" t="s">
        <v>390</v>
      </c>
      <c r="D22" s="5"/>
    </row>
    <row r="23" spans="2:4">
      <c r="B23" s="14" t="s">
        <v>19</v>
      </c>
      <c r="C23" s="11" t="s">
        <v>390</v>
      </c>
      <c r="D23" s="5"/>
    </row>
    <row r="24" spans="2:4">
      <c r="B24" s="14" t="s">
        <v>20</v>
      </c>
      <c r="C24" s="10" t="s">
        <v>391</v>
      </c>
      <c r="D24" s="5"/>
    </row>
    <row r="25" spans="2:4" ht="28.5">
      <c r="B25" s="14" t="s">
        <v>21</v>
      </c>
      <c r="C25" s="11" t="s">
        <v>391</v>
      </c>
      <c r="D25" s="5" t="s">
        <v>661</v>
      </c>
    </row>
    <row r="26" spans="2:4">
      <c r="B26" s="14" t="s">
        <v>22</v>
      </c>
      <c r="C26" s="11" t="s">
        <v>392</v>
      </c>
      <c r="D26" s="5"/>
    </row>
    <row r="27" spans="2:4">
      <c r="B27" s="14" t="s">
        <v>23</v>
      </c>
      <c r="C27" s="10" t="s">
        <v>393</v>
      </c>
      <c r="D27" s="5"/>
    </row>
    <row r="28" spans="2:4">
      <c r="B28" s="14" t="s">
        <v>24</v>
      </c>
      <c r="C28" s="11" t="s">
        <v>393</v>
      </c>
      <c r="D28" s="5" t="s">
        <v>662</v>
      </c>
    </row>
    <row r="29" spans="2:4">
      <c r="B29" s="14" t="s">
        <v>25</v>
      </c>
      <c r="C29" s="10" t="s">
        <v>394</v>
      </c>
      <c r="D29" s="5"/>
    </row>
    <row r="30" spans="2:4">
      <c r="B30" s="14" t="s">
        <v>26</v>
      </c>
      <c r="C30" s="11" t="s">
        <v>395</v>
      </c>
      <c r="D30" s="5"/>
    </row>
    <row r="31" spans="2:4">
      <c r="B31" s="14" t="s">
        <v>27</v>
      </c>
      <c r="C31" s="10" t="s">
        <v>396</v>
      </c>
      <c r="D31" s="5"/>
    </row>
    <row r="32" spans="2:4">
      <c r="B32" s="14" t="s">
        <v>28</v>
      </c>
      <c r="C32" s="11" t="s">
        <v>396</v>
      </c>
      <c r="D32" s="5" t="s">
        <v>663</v>
      </c>
    </row>
    <row r="33" spans="2:4">
      <c r="B33" s="14" t="s">
        <v>29</v>
      </c>
      <c r="C33" s="10" t="s">
        <v>30</v>
      </c>
      <c r="D33" s="5"/>
    </row>
    <row r="34" spans="2:4">
      <c r="B34" s="14" t="s">
        <v>31</v>
      </c>
      <c r="C34" s="11" t="s">
        <v>32</v>
      </c>
      <c r="D34" s="5"/>
    </row>
    <row r="35" spans="2:4">
      <c r="B35" s="14" t="s">
        <v>33</v>
      </c>
      <c r="C35" s="10" t="s">
        <v>34</v>
      </c>
      <c r="D35" s="5"/>
    </row>
    <row r="36" spans="2:4">
      <c r="B36" s="14" t="s">
        <v>35</v>
      </c>
      <c r="C36" s="11" t="s">
        <v>34</v>
      </c>
      <c r="D36" s="5"/>
    </row>
    <row r="37" spans="2:4">
      <c r="B37" s="14" t="s">
        <v>36</v>
      </c>
      <c r="C37" s="10" t="s">
        <v>397</v>
      </c>
      <c r="D37" s="5"/>
    </row>
    <row r="38" spans="2:4">
      <c r="B38" s="14" t="s">
        <v>37</v>
      </c>
      <c r="C38" s="11" t="s">
        <v>397</v>
      </c>
      <c r="D38" s="5" t="s">
        <v>664</v>
      </c>
    </row>
    <row r="39" spans="2:4">
      <c r="B39" s="14" t="s">
        <v>38</v>
      </c>
      <c r="C39" s="10" t="s">
        <v>398</v>
      </c>
      <c r="D39" s="5"/>
    </row>
    <row r="40" spans="2:4">
      <c r="B40" s="14" t="s">
        <v>39</v>
      </c>
      <c r="C40" s="11" t="s">
        <v>398</v>
      </c>
      <c r="D40" s="5"/>
    </row>
    <row r="41" spans="2:4">
      <c r="B41" s="14" t="s">
        <v>40</v>
      </c>
      <c r="C41" s="10" t="s">
        <v>399</v>
      </c>
      <c r="D41" s="5"/>
    </row>
    <row r="42" spans="2:4">
      <c r="B42" s="14" t="s">
        <v>41</v>
      </c>
      <c r="C42" s="11" t="s">
        <v>399</v>
      </c>
      <c r="D42" s="5" t="s">
        <v>665</v>
      </c>
    </row>
    <row r="43" spans="2:4">
      <c r="B43" s="14" t="s">
        <v>42</v>
      </c>
      <c r="C43" s="10" t="s">
        <v>400</v>
      </c>
      <c r="D43" s="5"/>
    </row>
    <row r="44" spans="2:4">
      <c r="B44" s="14" t="s">
        <v>43</v>
      </c>
      <c r="C44" s="11" t="s">
        <v>400</v>
      </c>
      <c r="D44" s="5"/>
    </row>
    <row r="45" spans="2:4">
      <c r="B45" s="14" t="s">
        <v>44</v>
      </c>
      <c r="C45" s="10" t="s">
        <v>45</v>
      </c>
      <c r="D45" s="5"/>
    </row>
    <row r="46" spans="2:4">
      <c r="B46" s="14" t="s">
        <v>46</v>
      </c>
      <c r="C46" s="11" t="s">
        <v>45</v>
      </c>
      <c r="D46" s="5"/>
    </row>
    <row r="47" spans="2:4">
      <c r="B47" s="14" t="s">
        <v>47</v>
      </c>
      <c r="C47" s="10" t="s">
        <v>401</v>
      </c>
      <c r="D47" s="5"/>
    </row>
    <row r="48" spans="2:4">
      <c r="B48" s="14" t="s">
        <v>48</v>
      </c>
      <c r="C48" s="11" t="s">
        <v>401</v>
      </c>
      <c r="D48" s="5" t="s">
        <v>666</v>
      </c>
    </row>
    <row r="49" spans="2:4">
      <c r="B49" s="14" t="s">
        <v>49</v>
      </c>
      <c r="C49" s="10" t="s">
        <v>402</v>
      </c>
      <c r="D49" s="5"/>
    </row>
    <row r="50" spans="2:4">
      <c r="B50" s="14" t="s">
        <v>50</v>
      </c>
      <c r="C50" s="11" t="s">
        <v>402</v>
      </c>
      <c r="D50" s="5" t="s">
        <v>667</v>
      </c>
    </row>
    <row r="51" spans="2:4">
      <c r="B51" s="14" t="s">
        <v>51</v>
      </c>
      <c r="C51" s="10" t="s">
        <v>403</v>
      </c>
      <c r="D51" s="5"/>
    </row>
    <row r="52" spans="2:4" ht="71.25">
      <c r="B52" s="14" t="s">
        <v>52</v>
      </c>
      <c r="C52" s="11" t="s">
        <v>403</v>
      </c>
      <c r="D52" s="5" t="s">
        <v>668</v>
      </c>
    </row>
    <row r="53" spans="2:4">
      <c r="B53" s="14" t="s">
        <v>53</v>
      </c>
      <c r="C53" s="9" t="s">
        <v>404</v>
      </c>
      <c r="D53" s="5"/>
    </row>
    <row r="54" spans="2:4">
      <c r="B54" s="14" t="s">
        <v>54</v>
      </c>
      <c r="C54" s="10" t="s">
        <v>405</v>
      </c>
      <c r="D54" s="5"/>
    </row>
    <row r="55" spans="2:4">
      <c r="B55" s="14" t="s">
        <v>55</v>
      </c>
      <c r="C55" s="11" t="s">
        <v>406</v>
      </c>
      <c r="D55" s="5"/>
    </row>
    <row r="56" spans="2:4">
      <c r="B56" s="14" t="s">
        <v>56</v>
      </c>
      <c r="C56" s="11" t="s">
        <v>407</v>
      </c>
      <c r="D56" s="5"/>
    </row>
    <row r="57" spans="2:4">
      <c r="B57" s="14" t="s">
        <v>57</v>
      </c>
      <c r="C57" s="10" t="s">
        <v>408</v>
      </c>
      <c r="D57" s="5"/>
    </row>
    <row r="58" spans="2:4" ht="42.75">
      <c r="B58" s="14" t="s">
        <v>58</v>
      </c>
      <c r="C58" s="11" t="s">
        <v>408</v>
      </c>
      <c r="D58" s="5" t="s">
        <v>669</v>
      </c>
    </row>
    <row r="59" spans="2:4">
      <c r="B59" s="14" t="s">
        <v>59</v>
      </c>
      <c r="C59" s="10" t="s">
        <v>409</v>
      </c>
      <c r="D59" s="5"/>
    </row>
    <row r="60" spans="2:4">
      <c r="B60" s="14" t="s">
        <v>60</v>
      </c>
      <c r="C60" s="11" t="s">
        <v>409</v>
      </c>
      <c r="D60" s="5"/>
    </row>
    <row r="61" spans="2:4">
      <c r="B61" s="14" t="s">
        <v>61</v>
      </c>
      <c r="C61" s="10" t="s">
        <v>410</v>
      </c>
      <c r="D61" s="5"/>
    </row>
    <row r="62" spans="2:4" ht="28.5">
      <c r="B62" s="14" t="s">
        <v>62</v>
      </c>
      <c r="C62" s="11" t="s">
        <v>411</v>
      </c>
      <c r="D62" s="5" t="s">
        <v>671</v>
      </c>
    </row>
    <row r="63" spans="2:4">
      <c r="B63" s="14" t="s">
        <v>63</v>
      </c>
      <c r="C63" s="11" t="s">
        <v>412</v>
      </c>
      <c r="D63" s="5" t="s">
        <v>670</v>
      </c>
    </row>
    <row r="64" spans="2:4">
      <c r="B64" s="14" t="s">
        <v>64</v>
      </c>
      <c r="C64" s="10" t="s">
        <v>413</v>
      </c>
      <c r="D64" s="5"/>
    </row>
    <row r="65" spans="2:4" ht="28.5">
      <c r="B65" s="14" t="s">
        <v>65</v>
      </c>
      <c r="C65" s="11" t="s">
        <v>413</v>
      </c>
      <c r="D65" s="5" t="s">
        <v>672</v>
      </c>
    </row>
    <row r="66" spans="2:4">
      <c r="B66" s="14" t="s">
        <v>66</v>
      </c>
      <c r="C66" s="10" t="s">
        <v>414</v>
      </c>
      <c r="D66" s="5"/>
    </row>
    <row r="67" spans="2:4">
      <c r="B67" s="14" t="s">
        <v>67</v>
      </c>
      <c r="C67" s="11" t="s">
        <v>414</v>
      </c>
      <c r="D67" s="5" t="s">
        <v>673</v>
      </c>
    </row>
    <row r="68" spans="2:4">
      <c r="B68" s="14" t="s">
        <v>68</v>
      </c>
      <c r="C68" s="10" t="s">
        <v>415</v>
      </c>
      <c r="D68" s="5"/>
    </row>
    <row r="69" spans="2:4">
      <c r="B69" s="14" t="s">
        <v>69</v>
      </c>
      <c r="C69" s="11" t="s">
        <v>415</v>
      </c>
      <c r="D69" s="5" t="s">
        <v>674</v>
      </c>
    </row>
    <row r="70" spans="2:4">
      <c r="B70" s="14" t="s">
        <v>70</v>
      </c>
      <c r="C70" s="10" t="s">
        <v>416</v>
      </c>
      <c r="D70" s="5"/>
    </row>
    <row r="71" spans="2:4">
      <c r="B71" s="14" t="s">
        <v>71</v>
      </c>
      <c r="C71" s="11" t="s">
        <v>416</v>
      </c>
      <c r="D71" s="5"/>
    </row>
    <row r="72" spans="2:4">
      <c r="B72" s="14" t="s">
        <v>72</v>
      </c>
      <c r="C72" s="10" t="s">
        <v>417</v>
      </c>
      <c r="D72" s="5"/>
    </row>
    <row r="73" spans="2:4">
      <c r="B73" s="14" t="s">
        <v>73</v>
      </c>
      <c r="C73" s="11" t="s">
        <v>417</v>
      </c>
      <c r="D73" s="5" t="s">
        <v>675</v>
      </c>
    </row>
    <row r="74" spans="2:4">
      <c r="B74" s="14" t="s">
        <v>74</v>
      </c>
      <c r="C74" s="10" t="s">
        <v>418</v>
      </c>
      <c r="D74" s="5"/>
    </row>
    <row r="75" spans="2:4">
      <c r="B75" s="14" t="s">
        <v>75</v>
      </c>
      <c r="C75" s="11" t="s">
        <v>418</v>
      </c>
      <c r="D75" s="5" t="s">
        <v>676</v>
      </c>
    </row>
    <row r="76" spans="2:4">
      <c r="B76" s="14" t="s">
        <v>76</v>
      </c>
      <c r="C76" s="10" t="s">
        <v>419</v>
      </c>
      <c r="D76" s="5"/>
    </row>
    <row r="77" spans="2:4">
      <c r="B77" s="14" t="s">
        <v>77</v>
      </c>
      <c r="C77" s="11" t="s">
        <v>419</v>
      </c>
      <c r="D77" s="5" t="s">
        <v>677</v>
      </c>
    </row>
    <row r="78" spans="2:4">
      <c r="B78" s="14" t="s">
        <v>78</v>
      </c>
      <c r="C78" s="10" t="s">
        <v>420</v>
      </c>
      <c r="D78" s="5"/>
    </row>
    <row r="79" spans="2:4">
      <c r="B79" s="14" t="s">
        <v>79</v>
      </c>
      <c r="C79" s="11" t="s">
        <v>420</v>
      </c>
      <c r="D79" s="5" t="s">
        <v>678</v>
      </c>
    </row>
    <row r="80" spans="2:4">
      <c r="B80" s="14" t="s">
        <v>80</v>
      </c>
      <c r="C80" s="10" t="s">
        <v>421</v>
      </c>
      <c r="D80" s="5"/>
    </row>
    <row r="81" spans="2:4">
      <c r="B81" s="14" t="s">
        <v>81</v>
      </c>
      <c r="C81" s="11" t="s">
        <v>422</v>
      </c>
      <c r="D81" s="5"/>
    </row>
    <row r="82" spans="2:4">
      <c r="B82" s="14" t="s">
        <v>82</v>
      </c>
      <c r="C82" s="11" t="s">
        <v>423</v>
      </c>
      <c r="D82" s="5"/>
    </row>
    <row r="83" spans="2:4">
      <c r="B83" s="14" t="s">
        <v>83</v>
      </c>
      <c r="C83" s="11" t="s">
        <v>424</v>
      </c>
      <c r="D83" s="5"/>
    </row>
    <row r="84" spans="2:4">
      <c r="B84" s="14" t="s">
        <v>84</v>
      </c>
      <c r="C84" s="11" t="s">
        <v>425</v>
      </c>
      <c r="D84" s="5"/>
    </row>
    <row r="85" spans="2:4">
      <c r="B85" s="14" t="s">
        <v>85</v>
      </c>
      <c r="C85" s="10" t="s">
        <v>426</v>
      </c>
      <c r="D85" s="5"/>
    </row>
    <row r="86" spans="2:4" ht="42.75">
      <c r="B86" s="14" t="s">
        <v>86</v>
      </c>
      <c r="C86" s="11" t="s">
        <v>426</v>
      </c>
      <c r="D86" s="5" t="s">
        <v>679</v>
      </c>
    </row>
    <row r="87" spans="2:4">
      <c r="B87" s="14" t="s">
        <v>87</v>
      </c>
      <c r="C87" s="10" t="s">
        <v>427</v>
      </c>
      <c r="D87" s="5"/>
    </row>
    <row r="88" spans="2:4" ht="85.5">
      <c r="B88" s="14" t="s">
        <v>88</v>
      </c>
      <c r="C88" s="11" t="s">
        <v>427</v>
      </c>
      <c r="D88" s="5" t="s">
        <v>680</v>
      </c>
    </row>
    <row r="89" spans="2:4">
      <c r="B89" s="14" t="s">
        <v>89</v>
      </c>
      <c r="C89" s="10" t="s">
        <v>428</v>
      </c>
      <c r="D89" s="5"/>
    </row>
    <row r="90" spans="2:4">
      <c r="B90" s="14" t="s">
        <v>90</v>
      </c>
      <c r="C90" s="11" t="s">
        <v>428</v>
      </c>
      <c r="D90" s="5" t="s">
        <v>681</v>
      </c>
    </row>
    <row r="91" spans="2:4">
      <c r="B91" s="14" t="s">
        <v>91</v>
      </c>
      <c r="C91" s="9" t="s">
        <v>429</v>
      </c>
      <c r="D91" s="5"/>
    </row>
    <row r="92" spans="2:4">
      <c r="B92" s="14" t="s">
        <v>92</v>
      </c>
      <c r="C92" s="10" t="s">
        <v>430</v>
      </c>
      <c r="D92" s="5"/>
    </row>
    <row r="93" spans="2:4" ht="57">
      <c r="B93" s="14" t="s">
        <v>93</v>
      </c>
      <c r="C93" s="11" t="s">
        <v>430</v>
      </c>
      <c r="D93" s="5" t="s">
        <v>683</v>
      </c>
    </row>
    <row r="94" spans="2:4">
      <c r="B94" s="14" t="s">
        <v>94</v>
      </c>
      <c r="C94" s="11" t="s">
        <v>431</v>
      </c>
      <c r="D94" s="5" t="s">
        <v>682</v>
      </c>
    </row>
    <row r="95" spans="2:4">
      <c r="B95" s="14" t="s">
        <v>95</v>
      </c>
      <c r="C95" s="10" t="s">
        <v>432</v>
      </c>
      <c r="D95" s="5"/>
    </row>
    <row r="96" spans="2:4">
      <c r="B96" s="14" t="s">
        <v>96</v>
      </c>
      <c r="C96" s="11" t="s">
        <v>433</v>
      </c>
      <c r="D96" s="5"/>
    </row>
    <row r="97" spans="2:4">
      <c r="B97" s="14" t="s">
        <v>97</v>
      </c>
      <c r="C97" s="10" t="s">
        <v>434</v>
      </c>
      <c r="D97" s="5"/>
    </row>
    <row r="98" spans="2:4" ht="28.5">
      <c r="B98" s="14" t="s">
        <v>98</v>
      </c>
      <c r="C98" s="11" t="s">
        <v>435</v>
      </c>
      <c r="D98" s="5" t="s">
        <v>684</v>
      </c>
    </row>
    <row r="99" spans="2:4">
      <c r="B99" s="14" t="s">
        <v>99</v>
      </c>
      <c r="C99" s="11" t="s">
        <v>436</v>
      </c>
      <c r="D99" s="5" t="s">
        <v>685</v>
      </c>
    </row>
    <row r="100" spans="2:4">
      <c r="B100" s="14" t="s">
        <v>100</v>
      </c>
      <c r="C100" s="10" t="s">
        <v>437</v>
      </c>
      <c r="D100" s="5"/>
    </row>
    <row r="101" spans="2:4" ht="57">
      <c r="B101" s="14" t="s">
        <v>101</v>
      </c>
      <c r="C101" s="11" t="s">
        <v>438</v>
      </c>
      <c r="D101" s="5" t="s">
        <v>686</v>
      </c>
    </row>
    <row r="102" spans="2:4">
      <c r="B102" s="14" t="s">
        <v>102</v>
      </c>
      <c r="C102" s="9" t="s">
        <v>439</v>
      </c>
      <c r="D102" s="5"/>
    </row>
    <row r="103" spans="2:4">
      <c r="B103" s="14" t="s">
        <v>103</v>
      </c>
      <c r="C103" s="10" t="s">
        <v>440</v>
      </c>
      <c r="D103" s="5"/>
    </row>
    <row r="104" spans="2:4" ht="142.5">
      <c r="B104" s="14" t="s">
        <v>104</v>
      </c>
      <c r="C104" s="11" t="s">
        <v>441</v>
      </c>
      <c r="D104" s="5" t="s">
        <v>687</v>
      </c>
    </row>
    <row r="105" spans="2:4" ht="142.5">
      <c r="B105" s="14" t="s">
        <v>105</v>
      </c>
      <c r="C105" s="11" t="s">
        <v>442</v>
      </c>
      <c r="D105" s="5" t="s">
        <v>687</v>
      </c>
    </row>
    <row r="106" spans="2:4">
      <c r="B106" s="14" t="s">
        <v>106</v>
      </c>
      <c r="C106" s="10" t="s">
        <v>443</v>
      </c>
      <c r="D106" s="5"/>
    </row>
    <row r="107" spans="2:4" ht="28.5">
      <c r="B107" s="14" t="s">
        <v>107</v>
      </c>
      <c r="C107" s="11" t="s">
        <v>444</v>
      </c>
      <c r="D107" s="5" t="s">
        <v>688</v>
      </c>
    </row>
    <row r="108" spans="2:4" ht="28.5">
      <c r="B108" s="14" t="s">
        <v>108</v>
      </c>
      <c r="C108" s="11" t="s">
        <v>445</v>
      </c>
      <c r="D108" s="5" t="s">
        <v>689</v>
      </c>
    </row>
    <row r="109" spans="2:4" ht="57">
      <c r="B109" s="14" t="s">
        <v>109</v>
      </c>
      <c r="C109" s="11" t="s">
        <v>110</v>
      </c>
      <c r="D109" s="5" t="s">
        <v>690</v>
      </c>
    </row>
    <row r="110" spans="2:4">
      <c r="B110" s="14" t="s">
        <v>111</v>
      </c>
      <c r="C110" s="11" t="s">
        <v>446</v>
      </c>
      <c r="D110" s="5" t="s">
        <v>691</v>
      </c>
    </row>
    <row r="111" spans="2:4">
      <c r="B111" s="14" t="s">
        <v>112</v>
      </c>
      <c r="C111" s="11" t="s">
        <v>447</v>
      </c>
      <c r="D111" s="5" t="s">
        <v>692</v>
      </c>
    </row>
    <row r="112" spans="2:4" ht="42.75">
      <c r="B112" s="14" t="s">
        <v>113</v>
      </c>
      <c r="C112" s="11" t="s">
        <v>114</v>
      </c>
      <c r="D112" s="5" t="s">
        <v>693</v>
      </c>
    </row>
    <row r="113" spans="2:4" ht="28.5">
      <c r="B113" s="14" t="s">
        <v>115</v>
      </c>
      <c r="C113" s="11" t="s">
        <v>116</v>
      </c>
      <c r="D113" s="5" t="s">
        <v>694</v>
      </c>
    </row>
    <row r="114" spans="2:4" ht="57">
      <c r="B114" s="14" t="s">
        <v>117</v>
      </c>
      <c r="C114" s="11" t="s">
        <v>448</v>
      </c>
      <c r="D114" s="5" t="s">
        <v>695</v>
      </c>
    </row>
    <row r="115" spans="2:4">
      <c r="B115" s="14" t="s">
        <v>118</v>
      </c>
      <c r="C115" s="10" t="s">
        <v>449</v>
      </c>
      <c r="D115" s="5"/>
    </row>
    <row r="116" spans="2:4" ht="28.5">
      <c r="B116" s="14" t="s">
        <v>119</v>
      </c>
      <c r="C116" s="11" t="s">
        <v>444</v>
      </c>
      <c r="D116" s="5" t="s">
        <v>688</v>
      </c>
    </row>
    <row r="117" spans="2:4" ht="28.5">
      <c r="B117" s="14" t="s">
        <v>120</v>
      </c>
      <c r="C117" s="11" t="s">
        <v>445</v>
      </c>
      <c r="D117" s="5" t="s">
        <v>689</v>
      </c>
    </row>
    <row r="118" spans="2:4" ht="57">
      <c r="B118" s="14" t="s">
        <v>121</v>
      </c>
      <c r="C118" s="11" t="s">
        <v>110</v>
      </c>
      <c r="D118" s="5" t="s">
        <v>690</v>
      </c>
    </row>
    <row r="119" spans="2:4">
      <c r="B119" s="14" t="s">
        <v>122</v>
      </c>
      <c r="C119" s="11" t="s">
        <v>446</v>
      </c>
      <c r="D119" s="5" t="s">
        <v>691</v>
      </c>
    </row>
    <row r="120" spans="2:4">
      <c r="B120" s="14" t="s">
        <v>123</v>
      </c>
      <c r="C120" s="11" t="s">
        <v>447</v>
      </c>
      <c r="D120" s="5" t="s">
        <v>692</v>
      </c>
    </row>
    <row r="121" spans="2:4" ht="42.75">
      <c r="B121" s="14" t="s">
        <v>124</v>
      </c>
      <c r="C121" s="11" t="s">
        <v>114</v>
      </c>
      <c r="D121" s="5" t="s">
        <v>693</v>
      </c>
    </row>
    <row r="122" spans="2:4" ht="28.5">
      <c r="B122" s="14" t="s">
        <v>125</v>
      </c>
      <c r="C122" s="11" t="s">
        <v>116</v>
      </c>
      <c r="D122" s="5" t="s">
        <v>694</v>
      </c>
    </row>
    <row r="123" spans="2:4" ht="57">
      <c r="B123" s="14" t="s">
        <v>126</v>
      </c>
      <c r="C123" s="11" t="s">
        <v>502</v>
      </c>
      <c r="D123" s="5" t="s">
        <v>695</v>
      </c>
    </row>
    <row r="124" spans="2:4">
      <c r="B124" s="14" t="s">
        <v>127</v>
      </c>
      <c r="C124" s="10" t="s">
        <v>450</v>
      </c>
      <c r="D124" s="5"/>
    </row>
    <row r="125" spans="2:4" ht="85.5">
      <c r="B125" s="14" t="s">
        <v>128</v>
      </c>
      <c r="C125" s="11" t="s">
        <v>451</v>
      </c>
      <c r="D125" s="5" t="s">
        <v>696</v>
      </c>
    </row>
    <row r="126" spans="2:4" ht="185.25">
      <c r="B126" s="14" t="s">
        <v>129</v>
      </c>
      <c r="C126" s="11" t="s">
        <v>452</v>
      </c>
      <c r="D126" s="5" t="s">
        <v>697</v>
      </c>
    </row>
    <row r="127" spans="2:4">
      <c r="B127" s="14" t="s">
        <v>130</v>
      </c>
      <c r="C127" s="10" t="s">
        <v>453</v>
      </c>
      <c r="D127" s="5"/>
    </row>
    <row r="128" spans="2:4">
      <c r="B128" s="14" t="s">
        <v>131</v>
      </c>
      <c r="C128" s="11" t="s">
        <v>454</v>
      </c>
      <c r="D128" s="5"/>
    </row>
    <row r="129" spans="2:4">
      <c r="B129" s="14" t="s">
        <v>132</v>
      </c>
      <c r="C129" s="11" t="s">
        <v>455</v>
      </c>
      <c r="D129" s="5"/>
    </row>
    <row r="130" spans="2:4" ht="71.25">
      <c r="B130" s="14" t="s">
        <v>133</v>
      </c>
      <c r="C130" s="11" t="s">
        <v>456</v>
      </c>
      <c r="D130" s="5" t="s">
        <v>699</v>
      </c>
    </row>
    <row r="131" spans="2:4" ht="85.5">
      <c r="B131" s="14" t="s">
        <v>134</v>
      </c>
      <c r="C131" s="11" t="s">
        <v>457</v>
      </c>
      <c r="D131" s="5" t="s">
        <v>698</v>
      </c>
    </row>
    <row r="132" spans="2:4">
      <c r="B132" s="14" t="s">
        <v>135</v>
      </c>
      <c r="C132" s="10" t="s">
        <v>458</v>
      </c>
      <c r="D132" s="5"/>
    </row>
    <row r="133" spans="2:4" ht="85.5">
      <c r="B133" s="14" t="s">
        <v>136</v>
      </c>
      <c r="C133" s="11" t="s">
        <v>459</v>
      </c>
      <c r="D133" s="5" t="s">
        <v>700</v>
      </c>
    </row>
    <row r="134" spans="2:4" ht="85.5">
      <c r="B134" s="14" t="s">
        <v>137</v>
      </c>
      <c r="C134" s="11" t="s">
        <v>460</v>
      </c>
      <c r="D134" s="5" t="s">
        <v>700</v>
      </c>
    </row>
    <row r="135" spans="2:4" ht="42.75">
      <c r="B135" s="14" t="s">
        <v>138</v>
      </c>
      <c r="C135" s="11" t="s">
        <v>461</v>
      </c>
      <c r="D135" s="5" t="s">
        <v>701</v>
      </c>
    </row>
    <row r="136" spans="2:4">
      <c r="B136" s="14" t="s">
        <v>139</v>
      </c>
      <c r="C136" s="9" t="s">
        <v>462</v>
      </c>
      <c r="D136" s="5"/>
    </row>
    <row r="137" spans="2:4">
      <c r="B137" s="14" t="s">
        <v>140</v>
      </c>
      <c r="C137" s="10" t="s">
        <v>463</v>
      </c>
      <c r="D137" s="5"/>
    </row>
    <row r="138" spans="2:4">
      <c r="B138" s="14" t="s">
        <v>141</v>
      </c>
      <c r="C138" s="11" t="s">
        <v>463</v>
      </c>
      <c r="D138" s="5" t="s">
        <v>702</v>
      </c>
    </row>
    <row r="139" spans="2:4">
      <c r="B139" s="14" t="s">
        <v>142</v>
      </c>
      <c r="C139" s="10" t="s">
        <v>464</v>
      </c>
      <c r="D139" s="5"/>
    </row>
    <row r="140" spans="2:4">
      <c r="B140" s="14" t="s">
        <v>143</v>
      </c>
      <c r="C140" s="11" t="s">
        <v>465</v>
      </c>
      <c r="D140" s="5"/>
    </row>
    <row r="141" spans="2:4">
      <c r="B141" s="14" t="s">
        <v>144</v>
      </c>
      <c r="C141" s="11" t="s">
        <v>466</v>
      </c>
      <c r="D141" s="5"/>
    </row>
    <row r="142" spans="2:4">
      <c r="B142" s="14" t="s">
        <v>145</v>
      </c>
      <c r="C142" s="11" t="s">
        <v>467</v>
      </c>
      <c r="D142" s="5"/>
    </row>
    <row r="143" spans="2:4">
      <c r="B143" s="14" t="s">
        <v>146</v>
      </c>
      <c r="C143" s="10" t="s">
        <v>468</v>
      </c>
      <c r="D143" s="5"/>
    </row>
    <row r="144" spans="2:4" ht="28.5">
      <c r="B144" s="14" t="s">
        <v>147</v>
      </c>
      <c r="C144" s="11" t="s">
        <v>469</v>
      </c>
      <c r="D144" s="5" t="s">
        <v>703</v>
      </c>
    </row>
    <row r="145" spans="2:4">
      <c r="B145" s="14" t="s">
        <v>148</v>
      </c>
      <c r="C145" s="11" t="s">
        <v>470</v>
      </c>
      <c r="D145" s="5"/>
    </row>
    <row r="146" spans="2:4">
      <c r="B146" s="14" t="s">
        <v>149</v>
      </c>
      <c r="C146" s="10" t="s">
        <v>471</v>
      </c>
      <c r="D146" s="5"/>
    </row>
    <row r="147" spans="2:4" ht="28.5">
      <c r="B147" s="14" t="s">
        <v>150</v>
      </c>
      <c r="C147" s="11" t="s">
        <v>471</v>
      </c>
      <c r="D147" s="5" t="s">
        <v>704</v>
      </c>
    </row>
    <row r="148" spans="2:4">
      <c r="B148" s="14" t="s">
        <v>151</v>
      </c>
      <c r="C148" s="10" t="s">
        <v>472</v>
      </c>
      <c r="D148" s="5"/>
    </row>
    <row r="149" spans="2:4" ht="28.5">
      <c r="B149" s="14" t="s">
        <v>152</v>
      </c>
      <c r="C149" s="11" t="s">
        <v>473</v>
      </c>
      <c r="D149" s="5" t="s">
        <v>705</v>
      </c>
    </row>
    <row r="150" spans="2:4">
      <c r="B150" s="14" t="s">
        <v>153</v>
      </c>
      <c r="C150" s="11" t="s">
        <v>474</v>
      </c>
      <c r="D150" s="5"/>
    </row>
    <row r="151" spans="2:4">
      <c r="B151" s="14" t="s">
        <v>154</v>
      </c>
      <c r="C151" s="9" t="s">
        <v>475</v>
      </c>
      <c r="D151" s="5"/>
    </row>
    <row r="152" spans="2:4">
      <c r="B152" s="14" t="s">
        <v>155</v>
      </c>
      <c r="C152" s="10" t="s">
        <v>475</v>
      </c>
      <c r="D152" s="5"/>
    </row>
    <row r="153" spans="2:4">
      <c r="B153" s="14" t="s">
        <v>156</v>
      </c>
      <c r="C153" s="11" t="s">
        <v>476</v>
      </c>
      <c r="D153" s="5"/>
    </row>
    <row r="154" spans="2:4">
      <c r="B154" s="14" t="s">
        <v>157</v>
      </c>
      <c r="C154" s="11" t="s">
        <v>477</v>
      </c>
      <c r="D154" s="5"/>
    </row>
    <row r="155" spans="2:4">
      <c r="B155" s="14" t="s">
        <v>158</v>
      </c>
      <c r="C155" s="11" t="s">
        <v>478</v>
      </c>
      <c r="D155" s="5"/>
    </row>
    <row r="156" spans="2:4">
      <c r="B156" s="14" t="s">
        <v>159</v>
      </c>
      <c r="C156" s="11" t="s">
        <v>479</v>
      </c>
      <c r="D156" s="5"/>
    </row>
    <row r="157" spans="2:4">
      <c r="B157" s="14" t="s">
        <v>779</v>
      </c>
      <c r="C157" s="21" t="s">
        <v>780</v>
      </c>
      <c r="D157" s="5"/>
    </row>
    <row r="158" spans="2:4">
      <c r="B158" s="14" t="s">
        <v>160</v>
      </c>
      <c r="C158" s="9" t="s">
        <v>480</v>
      </c>
      <c r="D158" s="5"/>
    </row>
    <row r="159" spans="2:4">
      <c r="B159" s="14" t="s">
        <v>161</v>
      </c>
      <c r="C159" s="10" t="s">
        <v>481</v>
      </c>
      <c r="D159" s="5"/>
    </row>
    <row r="160" spans="2:4">
      <c r="B160" s="14" t="s">
        <v>162</v>
      </c>
      <c r="C160" s="11" t="s">
        <v>481</v>
      </c>
      <c r="D160" s="5" t="s">
        <v>706</v>
      </c>
    </row>
    <row r="161" spans="2:4">
      <c r="B161" s="14" t="s">
        <v>163</v>
      </c>
      <c r="C161" s="10" t="s">
        <v>482</v>
      </c>
      <c r="D161" s="5"/>
    </row>
    <row r="162" spans="2:4" ht="28.5">
      <c r="B162" s="14" t="s">
        <v>164</v>
      </c>
      <c r="C162" s="11" t="s">
        <v>482</v>
      </c>
      <c r="D162" s="5" t="s">
        <v>707</v>
      </c>
    </row>
    <row r="163" spans="2:4">
      <c r="B163" s="14" t="s">
        <v>165</v>
      </c>
      <c r="C163" s="10" t="s">
        <v>483</v>
      </c>
      <c r="D163" s="5"/>
    </row>
    <row r="164" spans="2:4" ht="28.5">
      <c r="B164" s="14" t="s">
        <v>166</v>
      </c>
      <c r="C164" s="11" t="s">
        <v>483</v>
      </c>
      <c r="D164" s="5" t="s">
        <v>708</v>
      </c>
    </row>
    <row r="165" spans="2:4">
      <c r="B165" s="14" t="s">
        <v>167</v>
      </c>
      <c r="C165" s="9" t="s">
        <v>484</v>
      </c>
      <c r="D165" s="5"/>
    </row>
    <row r="166" spans="2:4">
      <c r="B166" s="14" t="s">
        <v>168</v>
      </c>
      <c r="C166" s="10" t="s">
        <v>485</v>
      </c>
      <c r="D166" s="5"/>
    </row>
    <row r="167" spans="2:4">
      <c r="B167" s="14" t="s">
        <v>169</v>
      </c>
      <c r="C167" s="11" t="s">
        <v>486</v>
      </c>
      <c r="D167" s="5" t="s">
        <v>709</v>
      </c>
    </row>
    <row r="168" spans="2:4">
      <c r="B168" s="14" t="s">
        <v>170</v>
      </c>
      <c r="C168" s="10" t="s">
        <v>487</v>
      </c>
      <c r="D168" s="5"/>
    </row>
    <row r="169" spans="2:4" ht="28.5">
      <c r="B169" s="14" t="s">
        <v>171</v>
      </c>
      <c r="C169" s="11" t="s">
        <v>488</v>
      </c>
      <c r="D169" s="5" t="s">
        <v>710</v>
      </c>
    </row>
    <row r="170" spans="2:4">
      <c r="B170" s="14" t="s">
        <v>172</v>
      </c>
      <c r="C170" s="11" t="s">
        <v>489</v>
      </c>
      <c r="D170" s="5" t="s">
        <v>711</v>
      </c>
    </row>
    <row r="171" spans="2:4" ht="28.5">
      <c r="B171" s="14" t="s">
        <v>173</v>
      </c>
      <c r="C171" s="11" t="s">
        <v>490</v>
      </c>
      <c r="D171" s="5" t="s">
        <v>712</v>
      </c>
    </row>
    <row r="172" spans="2:4" ht="42.75">
      <c r="B172" s="14" t="s">
        <v>174</v>
      </c>
      <c r="C172" s="11" t="s">
        <v>491</v>
      </c>
      <c r="D172" s="5" t="s">
        <v>713</v>
      </c>
    </row>
    <row r="173" spans="2:4">
      <c r="B173" s="14" t="s">
        <v>175</v>
      </c>
      <c r="C173" s="10" t="s">
        <v>492</v>
      </c>
      <c r="D173" s="5"/>
    </row>
    <row r="174" spans="2:4">
      <c r="B174" s="14" t="s">
        <v>176</v>
      </c>
      <c r="C174" s="11" t="s">
        <v>492</v>
      </c>
      <c r="D174" s="5"/>
    </row>
    <row r="175" spans="2:4">
      <c r="B175" s="14" t="s">
        <v>177</v>
      </c>
      <c r="C175" s="10" t="s">
        <v>493</v>
      </c>
      <c r="D175" s="5"/>
    </row>
    <row r="176" spans="2:4">
      <c r="B176" s="14" t="s">
        <v>178</v>
      </c>
      <c r="C176" s="11" t="s">
        <v>494</v>
      </c>
      <c r="D176" s="5" t="s">
        <v>714</v>
      </c>
    </row>
    <row r="177" spans="2:4" ht="28.5">
      <c r="B177" s="14" t="s">
        <v>179</v>
      </c>
      <c r="C177" s="11" t="s">
        <v>495</v>
      </c>
      <c r="D177" s="5" t="s">
        <v>715</v>
      </c>
    </row>
    <row r="178" spans="2:4">
      <c r="B178" s="14" t="s">
        <v>180</v>
      </c>
      <c r="C178" s="11" t="s">
        <v>496</v>
      </c>
      <c r="D178" s="5"/>
    </row>
    <row r="179" spans="2:4">
      <c r="B179" s="14" t="s">
        <v>181</v>
      </c>
      <c r="C179" s="9" t="s">
        <v>497</v>
      </c>
      <c r="D179" s="5"/>
    </row>
    <row r="180" spans="2:4">
      <c r="B180" s="14" t="s">
        <v>182</v>
      </c>
      <c r="C180" s="10" t="s">
        <v>498</v>
      </c>
      <c r="D180" s="5"/>
    </row>
    <row r="181" spans="2:4" ht="28.5">
      <c r="B181" s="14" t="s">
        <v>183</v>
      </c>
      <c r="C181" s="11" t="s">
        <v>499</v>
      </c>
      <c r="D181" s="5" t="s">
        <v>716</v>
      </c>
    </row>
    <row r="182" spans="2:4">
      <c r="B182" s="14" t="s">
        <v>184</v>
      </c>
      <c r="C182" s="10" t="s">
        <v>500</v>
      </c>
      <c r="D182" s="5"/>
    </row>
    <row r="183" spans="2:4" ht="28.5">
      <c r="B183" s="14" t="s">
        <v>185</v>
      </c>
      <c r="C183" s="11" t="s">
        <v>501</v>
      </c>
      <c r="D183" s="5" t="s">
        <v>716</v>
      </c>
    </row>
    <row r="184" spans="2:4">
      <c r="B184" s="14" t="s">
        <v>186</v>
      </c>
      <c r="C184" s="9" t="s">
        <v>503</v>
      </c>
      <c r="D184" s="5"/>
    </row>
    <row r="185" spans="2:4">
      <c r="B185" s="14" t="s">
        <v>187</v>
      </c>
      <c r="C185" s="10" t="s">
        <v>504</v>
      </c>
      <c r="D185" s="5"/>
    </row>
    <row r="186" spans="2:4" ht="71.25">
      <c r="B186" s="14" t="s">
        <v>188</v>
      </c>
      <c r="C186" s="11" t="s">
        <v>505</v>
      </c>
      <c r="D186" s="5" t="s">
        <v>668</v>
      </c>
    </row>
    <row r="187" spans="2:4">
      <c r="B187" s="14" t="s">
        <v>189</v>
      </c>
      <c r="C187" s="10" t="s">
        <v>506</v>
      </c>
      <c r="D187" s="5"/>
    </row>
    <row r="188" spans="2:4" ht="57">
      <c r="B188" s="14" t="s">
        <v>190</v>
      </c>
      <c r="C188" s="11" t="s">
        <v>507</v>
      </c>
      <c r="D188" s="5" t="s">
        <v>717</v>
      </c>
    </row>
    <row r="189" spans="2:4">
      <c r="B189" s="14" t="s">
        <v>191</v>
      </c>
      <c r="C189" s="10" t="s">
        <v>508</v>
      </c>
      <c r="D189" s="5"/>
    </row>
    <row r="190" spans="2:4" ht="71.25">
      <c r="B190" s="14" t="s">
        <v>192</v>
      </c>
      <c r="C190" s="11" t="s">
        <v>508</v>
      </c>
      <c r="D190" s="5" t="s">
        <v>718</v>
      </c>
    </row>
    <row r="191" spans="2:4">
      <c r="B191" s="14" t="s">
        <v>193</v>
      </c>
      <c r="C191" s="10" t="s">
        <v>509</v>
      </c>
      <c r="D191" s="5"/>
    </row>
    <row r="192" spans="2:4" ht="71.25">
      <c r="B192" s="14" t="s">
        <v>194</v>
      </c>
      <c r="C192" s="11" t="s">
        <v>510</v>
      </c>
      <c r="D192" s="5" t="s">
        <v>719</v>
      </c>
    </row>
    <row r="193" spans="2:4">
      <c r="B193" s="14" t="s">
        <v>195</v>
      </c>
      <c r="C193" s="10" t="s">
        <v>511</v>
      </c>
      <c r="D193" s="5"/>
    </row>
    <row r="194" spans="2:4" ht="42.75">
      <c r="B194" s="14" t="s">
        <v>196</v>
      </c>
      <c r="C194" s="11" t="s">
        <v>512</v>
      </c>
      <c r="D194" s="5" t="s">
        <v>720</v>
      </c>
    </row>
    <row r="195" spans="2:4">
      <c r="B195" s="14" t="s">
        <v>197</v>
      </c>
      <c r="C195" s="11" t="s">
        <v>513</v>
      </c>
      <c r="D195" s="5" t="s">
        <v>721</v>
      </c>
    </row>
    <row r="196" spans="2:4">
      <c r="B196" s="14" t="s">
        <v>198</v>
      </c>
      <c r="C196" s="9" t="s">
        <v>514</v>
      </c>
      <c r="D196" s="5"/>
    </row>
    <row r="197" spans="2:4">
      <c r="B197" s="14" t="s">
        <v>199</v>
      </c>
      <c r="C197" s="9" t="s">
        <v>515</v>
      </c>
      <c r="D197" s="5"/>
    </row>
    <row r="198" spans="2:4">
      <c r="B198" s="14" t="s">
        <v>200</v>
      </c>
      <c r="C198" s="10" t="s">
        <v>516</v>
      </c>
      <c r="D198" s="5"/>
    </row>
    <row r="199" spans="2:4">
      <c r="B199" s="14" t="s">
        <v>201</v>
      </c>
      <c r="C199" s="11" t="s">
        <v>517</v>
      </c>
      <c r="D199" s="5"/>
    </row>
    <row r="200" spans="2:4">
      <c r="B200" s="14" t="s">
        <v>202</v>
      </c>
      <c r="C200" s="11" t="s">
        <v>518</v>
      </c>
      <c r="D200" s="5"/>
    </row>
    <row r="201" spans="2:4">
      <c r="B201" s="14" t="s">
        <v>203</v>
      </c>
      <c r="C201" s="10" t="s">
        <v>519</v>
      </c>
      <c r="D201" s="5"/>
    </row>
    <row r="202" spans="2:4">
      <c r="B202" s="14" t="s">
        <v>204</v>
      </c>
      <c r="C202" s="11" t="s">
        <v>520</v>
      </c>
      <c r="D202" s="5"/>
    </row>
    <row r="203" spans="2:4">
      <c r="B203" s="14" t="s">
        <v>205</v>
      </c>
      <c r="C203" s="10" t="s">
        <v>521</v>
      </c>
      <c r="D203" s="5"/>
    </row>
    <row r="204" spans="2:4">
      <c r="B204" s="14" t="s">
        <v>206</v>
      </c>
      <c r="C204" s="11" t="s">
        <v>521</v>
      </c>
      <c r="D204" s="5" t="s">
        <v>722</v>
      </c>
    </row>
    <row r="205" spans="2:4">
      <c r="B205" s="14" t="s">
        <v>207</v>
      </c>
      <c r="C205" s="10" t="s">
        <v>522</v>
      </c>
      <c r="D205" s="5"/>
    </row>
    <row r="206" spans="2:4">
      <c r="B206" s="14" t="s">
        <v>208</v>
      </c>
      <c r="C206" s="11" t="s">
        <v>523</v>
      </c>
      <c r="D206" s="5"/>
    </row>
    <row r="207" spans="2:4">
      <c r="B207" s="14" t="s">
        <v>209</v>
      </c>
      <c r="C207" s="11" t="s">
        <v>524</v>
      </c>
      <c r="D207" s="5"/>
    </row>
    <row r="208" spans="2:4">
      <c r="B208" s="14" t="s">
        <v>210</v>
      </c>
      <c r="C208" s="11" t="s">
        <v>525</v>
      </c>
      <c r="D208" s="5"/>
    </row>
    <row r="209" spans="2:4">
      <c r="B209" s="14" t="s">
        <v>211</v>
      </c>
      <c r="C209" s="10" t="s">
        <v>526</v>
      </c>
      <c r="D209" s="5"/>
    </row>
    <row r="210" spans="2:4">
      <c r="B210" s="14" t="s">
        <v>212</v>
      </c>
      <c r="C210" s="11" t="s">
        <v>527</v>
      </c>
      <c r="D210" s="5" t="s">
        <v>723</v>
      </c>
    </row>
    <row r="211" spans="2:4">
      <c r="B211" s="14" t="s">
        <v>213</v>
      </c>
      <c r="C211" s="11" t="s">
        <v>528</v>
      </c>
      <c r="D211" s="5"/>
    </row>
    <row r="212" spans="2:4">
      <c r="B212" s="14" t="s">
        <v>214</v>
      </c>
      <c r="C212" s="11" t="s">
        <v>529</v>
      </c>
      <c r="D212" s="5"/>
    </row>
    <row r="213" spans="2:4">
      <c r="B213" s="14" t="s">
        <v>215</v>
      </c>
      <c r="C213" s="11" t="s">
        <v>530</v>
      </c>
      <c r="D213" s="5"/>
    </row>
    <row r="214" spans="2:4">
      <c r="B214" s="14" t="s">
        <v>216</v>
      </c>
      <c r="C214" s="11" t="s">
        <v>531</v>
      </c>
      <c r="D214" s="5"/>
    </row>
    <row r="215" spans="2:4">
      <c r="B215" s="14" t="s">
        <v>766</v>
      </c>
      <c r="C215" s="9" t="s">
        <v>771</v>
      </c>
      <c r="D215" s="5"/>
    </row>
    <row r="216" spans="2:4">
      <c r="B216" s="14" t="s">
        <v>767</v>
      </c>
      <c r="C216" s="17" t="s">
        <v>772</v>
      </c>
      <c r="D216" s="5"/>
    </row>
    <row r="217" spans="2:4">
      <c r="B217" s="14" t="s">
        <v>768</v>
      </c>
      <c r="C217" s="17" t="s">
        <v>773</v>
      </c>
      <c r="D217" s="19" t="s">
        <v>776</v>
      </c>
    </row>
    <row r="218" spans="2:4">
      <c r="B218" s="14" t="s">
        <v>770</v>
      </c>
      <c r="C218" s="17" t="s">
        <v>774</v>
      </c>
      <c r="D218" s="20" t="s">
        <v>777</v>
      </c>
    </row>
    <row r="219" spans="2:4">
      <c r="B219" s="14" t="s">
        <v>769</v>
      </c>
      <c r="C219" s="17" t="s">
        <v>775</v>
      </c>
      <c r="D219" s="19" t="s">
        <v>778</v>
      </c>
    </row>
    <row r="220" spans="2:4">
      <c r="B220" s="14" t="s">
        <v>217</v>
      </c>
      <c r="C220" s="8" t="s">
        <v>532</v>
      </c>
      <c r="D220" s="5"/>
    </row>
    <row r="221" spans="2:4">
      <c r="B221" s="14" t="s">
        <v>218</v>
      </c>
      <c r="C221" s="9" t="s">
        <v>533</v>
      </c>
      <c r="D221" s="5"/>
    </row>
    <row r="222" spans="2:4">
      <c r="B222" s="14" t="s">
        <v>219</v>
      </c>
      <c r="C222" s="10" t="s">
        <v>534</v>
      </c>
      <c r="D222" s="5"/>
    </row>
    <row r="223" spans="2:4">
      <c r="B223" s="14" t="s">
        <v>220</v>
      </c>
      <c r="C223" s="11" t="s">
        <v>534</v>
      </c>
      <c r="D223" s="5" t="s">
        <v>724</v>
      </c>
    </row>
    <row r="224" spans="2:4">
      <c r="B224" s="14" t="s">
        <v>221</v>
      </c>
      <c r="C224" s="10" t="s">
        <v>535</v>
      </c>
      <c r="D224" s="5"/>
    </row>
    <row r="225" spans="2:4">
      <c r="B225" s="14" t="s">
        <v>222</v>
      </c>
      <c r="C225" s="11" t="s">
        <v>535</v>
      </c>
      <c r="D225" s="5" t="s">
        <v>725</v>
      </c>
    </row>
    <row r="226" spans="2:4">
      <c r="B226" s="14" t="s">
        <v>223</v>
      </c>
      <c r="C226" s="10" t="s">
        <v>536</v>
      </c>
      <c r="D226" s="5"/>
    </row>
    <row r="227" spans="2:4">
      <c r="B227" s="14" t="s">
        <v>224</v>
      </c>
      <c r="C227" s="11" t="s">
        <v>536</v>
      </c>
      <c r="D227" s="5"/>
    </row>
    <row r="228" spans="2:4">
      <c r="B228" s="14" t="s">
        <v>225</v>
      </c>
      <c r="C228" s="10" t="s">
        <v>537</v>
      </c>
      <c r="D228" s="5"/>
    </row>
    <row r="229" spans="2:4">
      <c r="B229" s="14" t="s">
        <v>226</v>
      </c>
      <c r="C229" s="11" t="s">
        <v>538</v>
      </c>
      <c r="D229" s="5"/>
    </row>
    <row r="230" spans="2:4">
      <c r="B230" s="14" t="s">
        <v>227</v>
      </c>
      <c r="C230" s="10" t="s">
        <v>539</v>
      </c>
      <c r="D230" s="5"/>
    </row>
    <row r="231" spans="2:4">
      <c r="B231" s="14" t="s">
        <v>228</v>
      </c>
      <c r="C231" s="11" t="s">
        <v>540</v>
      </c>
      <c r="D231" s="5"/>
    </row>
    <row r="232" spans="2:4">
      <c r="B232" s="14" t="s">
        <v>781</v>
      </c>
      <c r="C232" s="22" t="s">
        <v>782</v>
      </c>
      <c r="D232" s="23" t="s">
        <v>783</v>
      </c>
    </row>
    <row r="233" spans="2:4">
      <c r="B233" s="14" t="s">
        <v>229</v>
      </c>
      <c r="C233" s="10" t="s">
        <v>541</v>
      </c>
      <c r="D233" s="5"/>
    </row>
    <row r="234" spans="2:4">
      <c r="B234" s="14" t="s">
        <v>230</v>
      </c>
      <c r="C234" s="11" t="s">
        <v>542</v>
      </c>
      <c r="D234" s="5"/>
    </row>
    <row r="235" spans="2:4">
      <c r="B235" s="14" t="s">
        <v>231</v>
      </c>
      <c r="C235" s="10" t="s">
        <v>543</v>
      </c>
      <c r="D235" s="5"/>
    </row>
    <row r="236" spans="2:4">
      <c r="B236" s="14" t="s">
        <v>232</v>
      </c>
      <c r="C236" s="11" t="s">
        <v>543</v>
      </c>
      <c r="D236" s="5"/>
    </row>
    <row r="237" spans="2:4">
      <c r="B237" s="14" t="s">
        <v>233</v>
      </c>
      <c r="C237" s="10" t="s">
        <v>544</v>
      </c>
      <c r="D237" s="5"/>
    </row>
    <row r="238" spans="2:4">
      <c r="B238" s="14" t="s">
        <v>234</v>
      </c>
      <c r="C238" s="11" t="s">
        <v>545</v>
      </c>
      <c r="D238" s="5"/>
    </row>
    <row r="239" spans="2:4">
      <c r="B239" s="14" t="s">
        <v>762</v>
      </c>
      <c r="C239" s="16" t="s">
        <v>764</v>
      </c>
      <c r="D239" s="5"/>
    </row>
    <row r="240" spans="2:4">
      <c r="B240" s="14" t="s">
        <v>763</v>
      </c>
      <c r="C240" s="17" t="s">
        <v>764</v>
      </c>
      <c r="D240" s="18" t="s">
        <v>765</v>
      </c>
    </row>
    <row r="241" spans="2:4">
      <c r="B241" s="25" t="s">
        <v>784</v>
      </c>
      <c r="C241" s="24" t="s">
        <v>786</v>
      </c>
      <c r="D241" s="18"/>
    </row>
    <row r="242" spans="2:4" ht="28.5">
      <c r="B242" s="26" t="s">
        <v>785</v>
      </c>
      <c r="C242" s="27" t="s">
        <v>786</v>
      </c>
      <c r="D242" s="28" t="s">
        <v>787</v>
      </c>
    </row>
    <row r="243" spans="2:4">
      <c r="B243" s="14" t="s">
        <v>235</v>
      </c>
      <c r="C243" s="9" t="s">
        <v>546</v>
      </c>
      <c r="D243" s="5"/>
    </row>
    <row r="244" spans="2:4">
      <c r="B244" s="14" t="s">
        <v>236</v>
      </c>
      <c r="C244" s="9" t="s">
        <v>547</v>
      </c>
      <c r="D244" s="5"/>
    </row>
    <row r="245" spans="2:4">
      <c r="B245" s="14" t="s">
        <v>237</v>
      </c>
      <c r="C245" s="10" t="s">
        <v>548</v>
      </c>
      <c r="D245" s="5"/>
    </row>
    <row r="246" spans="2:4">
      <c r="B246" s="14" t="s">
        <v>238</v>
      </c>
      <c r="C246" s="11" t="s">
        <v>549</v>
      </c>
      <c r="D246" s="5"/>
    </row>
    <row r="247" spans="2:4">
      <c r="B247" s="29" t="s">
        <v>788</v>
      </c>
      <c r="C247" s="27" t="s">
        <v>795</v>
      </c>
      <c r="D247" s="28" t="s">
        <v>802</v>
      </c>
    </row>
    <row r="248" spans="2:4">
      <c r="B248" s="29" t="s">
        <v>789</v>
      </c>
      <c r="C248" s="27" t="s">
        <v>796</v>
      </c>
      <c r="D248" s="28" t="s">
        <v>802</v>
      </c>
    </row>
    <row r="249" spans="2:4">
      <c r="B249" s="29" t="s">
        <v>790</v>
      </c>
      <c r="C249" s="27" t="s">
        <v>797</v>
      </c>
      <c r="D249" s="28" t="s">
        <v>802</v>
      </c>
    </row>
    <row r="250" spans="2:4">
      <c r="B250" s="29" t="s">
        <v>791</v>
      </c>
      <c r="C250" s="27" t="s">
        <v>798</v>
      </c>
      <c r="D250" s="28" t="s">
        <v>802</v>
      </c>
    </row>
    <row r="251" spans="2:4">
      <c r="B251" s="29" t="s">
        <v>792</v>
      </c>
      <c r="C251" s="27" t="s">
        <v>799</v>
      </c>
      <c r="D251" s="28" t="s">
        <v>802</v>
      </c>
    </row>
    <row r="252" spans="2:4">
      <c r="B252" s="29" t="s">
        <v>793</v>
      </c>
      <c r="C252" s="27" t="s">
        <v>800</v>
      </c>
      <c r="D252" s="28" t="s">
        <v>802</v>
      </c>
    </row>
    <row r="253" spans="2:4">
      <c r="B253" s="29" t="s">
        <v>794</v>
      </c>
      <c r="C253" s="27" t="s">
        <v>801</v>
      </c>
      <c r="D253" s="28" t="s">
        <v>802</v>
      </c>
    </row>
    <row r="254" spans="2:4">
      <c r="B254" s="14" t="s">
        <v>239</v>
      </c>
      <c r="C254" s="10" t="s">
        <v>550</v>
      </c>
      <c r="D254" s="5"/>
    </row>
    <row r="255" spans="2:4">
      <c r="B255" s="14" t="s">
        <v>240</v>
      </c>
      <c r="C255" s="11" t="s">
        <v>551</v>
      </c>
      <c r="D255" s="5"/>
    </row>
    <row r="256" spans="2:4">
      <c r="B256" s="14" t="s">
        <v>241</v>
      </c>
      <c r="C256" s="10" t="s">
        <v>552</v>
      </c>
      <c r="D256" s="5"/>
    </row>
    <row r="257" spans="2:4" ht="28.5">
      <c r="B257" s="14" t="s">
        <v>803</v>
      </c>
      <c r="C257" s="27" t="s">
        <v>810</v>
      </c>
      <c r="D257" s="28" t="s">
        <v>817</v>
      </c>
    </row>
    <row r="258" spans="2:4" ht="28.5">
      <c r="B258" s="14" t="s">
        <v>804</v>
      </c>
      <c r="C258" s="27" t="s">
        <v>811</v>
      </c>
      <c r="D258" s="28" t="s">
        <v>817</v>
      </c>
    </row>
    <row r="259" spans="2:4" ht="28.5">
      <c r="B259" s="14" t="s">
        <v>805</v>
      </c>
      <c r="C259" s="27" t="s">
        <v>812</v>
      </c>
      <c r="D259" s="28" t="s">
        <v>817</v>
      </c>
    </row>
    <row r="260" spans="2:4" ht="28.5">
      <c r="B260" s="14" t="s">
        <v>806</v>
      </c>
      <c r="C260" s="27" t="s">
        <v>813</v>
      </c>
      <c r="D260" s="28" t="s">
        <v>817</v>
      </c>
    </row>
    <row r="261" spans="2:4" ht="28.5">
      <c r="B261" s="14" t="s">
        <v>807</v>
      </c>
      <c r="C261" s="27" t="s">
        <v>814</v>
      </c>
      <c r="D261" s="28" t="s">
        <v>817</v>
      </c>
    </row>
    <row r="262" spans="2:4" ht="28.5">
      <c r="B262" s="14" t="s">
        <v>808</v>
      </c>
      <c r="C262" s="27" t="s">
        <v>815</v>
      </c>
      <c r="D262" s="28" t="s">
        <v>817</v>
      </c>
    </row>
    <row r="263" spans="2:4">
      <c r="B263" s="14" t="s">
        <v>809</v>
      </c>
      <c r="C263" s="27" t="s">
        <v>816</v>
      </c>
      <c r="D263" s="5"/>
    </row>
    <row r="264" spans="2:4">
      <c r="B264" s="14" t="s">
        <v>242</v>
      </c>
      <c r="C264" s="9" t="s">
        <v>553</v>
      </c>
      <c r="D264" s="5"/>
    </row>
    <row r="265" spans="2:4">
      <c r="B265" s="14" t="s">
        <v>243</v>
      </c>
      <c r="C265" s="10" t="s">
        <v>554</v>
      </c>
      <c r="D265" s="5"/>
    </row>
    <row r="266" spans="2:4" ht="42.75">
      <c r="B266" s="14" t="s">
        <v>244</v>
      </c>
      <c r="C266" s="11" t="s">
        <v>555</v>
      </c>
      <c r="D266" s="5" t="s">
        <v>726</v>
      </c>
    </row>
    <row r="267" spans="2:4" ht="28.5">
      <c r="B267" s="14" t="s">
        <v>245</v>
      </c>
      <c r="C267" s="11" t="s">
        <v>556</v>
      </c>
      <c r="D267" s="5" t="s">
        <v>727</v>
      </c>
    </row>
    <row r="268" spans="2:4">
      <c r="B268" s="14" t="s">
        <v>246</v>
      </c>
      <c r="C268" s="11" t="s">
        <v>557</v>
      </c>
      <c r="D268" s="5"/>
    </row>
    <row r="269" spans="2:4">
      <c r="B269" s="14" t="s">
        <v>247</v>
      </c>
      <c r="C269" s="10" t="s">
        <v>558</v>
      </c>
      <c r="D269" s="5"/>
    </row>
    <row r="270" spans="2:4" ht="28.5">
      <c r="B270" s="14" t="s">
        <v>248</v>
      </c>
      <c r="C270" s="11" t="s">
        <v>558</v>
      </c>
      <c r="D270" s="5" t="s">
        <v>728</v>
      </c>
    </row>
    <row r="271" spans="2:4">
      <c r="B271" s="14" t="s">
        <v>249</v>
      </c>
      <c r="C271" s="10" t="s">
        <v>559</v>
      </c>
      <c r="D271" s="5"/>
    </row>
    <row r="272" spans="2:4">
      <c r="B272" s="14" t="s">
        <v>250</v>
      </c>
      <c r="C272" s="11" t="s">
        <v>559</v>
      </c>
      <c r="D272" s="5"/>
    </row>
    <row r="273" spans="2:4">
      <c r="B273" s="14" t="s">
        <v>251</v>
      </c>
      <c r="C273" s="10" t="s">
        <v>560</v>
      </c>
      <c r="D273" s="5"/>
    </row>
    <row r="274" spans="2:4">
      <c r="B274" s="14" t="s">
        <v>252</v>
      </c>
      <c r="C274" s="11" t="s">
        <v>560</v>
      </c>
      <c r="D274" s="5"/>
    </row>
    <row r="275" spans="2:4">
      <c r="B275" s="14" t="s">
        <v>253</v>
      </c>
      <c r="C275" s="10" t="s">
        <v>561</v>
      </c>
      <c r="D275" s="5"/>
    </row>
    <row r="276" spans="2:4">
      <c r="B276" s="14" t="s">
        <v>254</v>
      </c>
      <c r="C276" s="11" t="s">
        <v>562</v>
      </c>
      <c r="D276" s="5"/>
    </row>
    <row r="277" spans="2:4">
      <c r="B277" s="14" t="s">
        <v>255</v>
      </c>
      <c r="C277" s="11" t="s">
        <v>563</v>
      </c>
      <c r="D277" s="5"/>
    </row>
    <row r="278" spans="2:4">
      <c r="B278" s="14" t="s">
        <v>256</v>
      </c>
      <c r="C278" s="11" t="s">
        <v>564</v>
      </c>
      <c r="D278" s="5"/>
    </row>
    <row r="279" spans="2:4">
      <c r="B279" s="14" t="s">
        <v>257</v>
      </c>
      <c r="C279" s="10" t="s">
        <v>258</v>
      </c>
      <c r="D279" s="5"/>
    </row>
    <row r="280" spans="2:4">
      <c r="B280" s="14" t="s">
        <v>259</v>
      </c>
      <c r="C280" s="11" t="s">
        <v>565</v>
      </c>
      <c r="D280" s="5"/>
    </row>
    <row r="281" spans="2:4">
      <c r="B281" s="14" t="s">
        <v>260</v>
      </c>
      <c r="C281" s="10" t="s">
        <v>566</v>
      </c>
      <c r="D281" s="5"/>
    </row>
    <row r="282" spans="2:4" ht="28.5">
      <c r="B282" s="14" t="s">
        <v>261</v>
      </c>
      <c r="C282" s="11" t="s">
        <v>567</v>
      </c>
      <c r="D282" s="5" t="s">
        <v>729</v>
      </c>
    </row>
    <row r="283" spans="2:4">
      <c r="B283" s="14" t="s">
        <v>262</v>
      </c>
      <c r="C283" s="10" t="s">
        <v>568</v>
      </c>
      <c r="D283" s="5"/>
    </row>
    <row r="284" spans="2:4">
      <c r="B284" s="14" t="s">
        <v>263</v>
      </c>
      <c r="C284" s="11" t="s">
        <v>569</v>
      </c>
      <c r="D284" s="5"/>
    </row>
    <row r="285" spans="2:4">
      <c r="B285" s="14" t="s">
        <v>264</v>
      </c>
      <c r="C285" s="11" t="s">
        <v>570</v>
      </c>
      <c r="D285" s="5"/>
    </row>
    <row r="286" spans="2:4">
      <c r="B286" s="14" t="s">
        <v>265</v>
      </c>
      <c r="C286" s="11" t="s">
        <v>571</v>
      </c>
      <c r="D286" s="5"/>
    </row>
    <row r="287" spans="2:4">
      <c r="B287" s="14" t="s">
        <v>266</v>
      </c>
      <c r="C287" s="11" t="s">
        <v>572</v>
      </c>
      <c r="D287" s="5" t="s">
        <v>730</v>
      </c>
    </row>
    <row r="288" spans="2:4">
      <c r="B288" s="14" t="s">
        <v>267</v>
      </c>
      <c r="C288" s="11" t="s">
        <v>573</v>
      </c>
      <c r="D288" s="5"/>
    </row>
    <row r="289" spans="2:4">
      <c r="B289" s="14" t="s">
        <v>268</v>
      </c>
      <c r="C289" s="9" t="s">
        <v>574</v>
      </c>
      <c r="D289" s="5"/>
    </row>
    <row r="290" spans="2:4">
      <c r="B290" s="14" t="s">
        <v>269</v>
      </c>
      <c r="C290" s="10" t="s">
        <v>575</v>
      </c>
      <c r="D290" s="5"/>
    </row>
    <row r="291" spans="2:4">
      <c r="B291" s="14" t="s">
        <v>270</v>
      </c>
      <c r="C291" s="11" t="s">
        <v>576</v>
      </c>
      <c r="D291" s="5"/>
    </row>
    <row r="292" spans="2:4">
      <c r="B292" s="14" t="s">
        <v>271</v>
      </c>
      <c r="C292" s="10" t="s">
        <v>577</v>
      </c>
      <c r="D292" s="5"/>
    </row>
    <row r="293" spans="2:4" ht="99.75">
      <c r="B293" s="14" t="s">
        <v>272</v>
      </c>
      <c r="C293" s="11" t="s">
        <v>577</v>
      </c>
      <c r="D293" s="5" t="s">
        <v>731</v>
      </c>
    </row>
    <row r="294" spans="2:4">
      <c r="B294" s="14" t="s">
        <v>273</v>
      </c>
      <c r="C294" s="10" t="s">
        <v>578</v>
      </c>
      <c r="D294" s="5"/>
    </row>
    <row r="295" spans="2:4" ht="28.5">
      <c r="B295" s="14" t="s">
        <v>274</v>
      </c>
      <c r="C295" s="11" t="s">
        <v>579</v>
      </c>
      <c r="D295" s="5" t="s">
        <v>732</v>
      </c>
    </row>
    <row r="296" spans="2:4" ht="28.5">
      <c r="B296" s="14" t="s">
        <v>275</v>
      </c>
      <c r="C296" s="11" t="s">
        <v>580</v>
      </c>
      <c r="D296" s="5" t="s">
        <v>733</v>
      </c>
    </row>
    <row r="297" spans="2:4">
      <c r="B297" s="14" t="s">
        <v>276</v>
      </c>
      <c r="C297" s="10" t="s">
        <v>581</v>
      </c>
      <c r="D297" s="5"/>
    </row>
    <row r="298" spans="2:4" ht="28.5">
      <c r="B298" s="14" t="s">
        <v>277</v>
      </c>
      <c r="C298" s="11" t="s">
        <v>582</v>
      </c>
      <c r="D298" s="5" t="s">
        <v>734</v>
      </c>
    </row>
    <row r="299" spans="2:4">
      <c r="B299" s="14" t="s">
        <v>278</v>
      </c>
      <c r="C299" s="11" t="s">
        <v>583</v>
      </c>
      <c r="D299" s="5"/>
    </row>
    <row r="300" spans="2:4">
      <c r="B300" s="14" t="s">
        <v>279</v>
      </c>
      <c r="C300" s="10" t="s">
        <v>584</v>
      </c>
      <c r="D300" s="5"/>
    </row>
    <row r="301" spans="2:4" ht="28.5">
      <c r="B301" s="14" t="s">
        <v>280</v>
      </c>
      <c r="C301" s="11" t="s">
        <v>584</v>
      </c>
      <c r="D301" s="5" t="s">
        <v>735</v>
      </c>
    </row>
    <row r="302" spans="2:4">
      <c r="B302" s="14" t="s">
        <v>281</v>
      </c>
      <c r="C302" s="10" t="s">
        <v>585</v>
      </c>
      <c r="D302" s="5"/>
    </row>
    <row r="303" spans="2:4">
      <c r="B303" s="14" t="s">
        <v>282</v>
      </c>
      <c r="C303" s="11" t="s">
        <v>585</v>
      </c>
      <c r="D303" s="5"/>
    </row>
    <row r="304" spans="2:4">
      <c r="B304" s="14" t="s">
        <v>283</v>
      </c>
      <c r="C304" s="10" t="s">
        <v>586</v>
      </c>
      <c r="D304" s="5"/>
    </row>
    <row r="305" spans="2:4">
      <c r="B305" s="14" t="s">
        <v>284</v>
      </c>
      <c r="C305" s="11" t="s">
        <v>586</v>
      </c>
      <c r="D305" s="5"/>
    </row>
    <row r="306" spans="2:4">
      <c r="B306" s="14" t="s">
        <v>285</v>
      </c>
      <c r="C306" s="10" t="s">
        <v>587</v>
      </c>
      <c r="D306" s="5"/>
    </row>
    <row r="307" spans="2:4">
      <c r="B307" s="14" t="s">
        <v>286</v>
      </c>
      <c r="C307" s="11" t="s">
        <v>587</v>
      </c>
      <c r="D307" s="5"/>
    </row>
    <row r="308" spans="2:4">
      <c r="B308" s="14" t="s">
        <v>287</v>
      </c>
      <c r="C308" s="10" t="s">
        <v>588</v>
      </c>
      <c r="D308" s="5"/>
    </row>
    <row r="309" spans="2:4">
      <c r="B309" s="14" t="s">
        <v>288</v>
      </c>
      <c r="C309" s="11" t="s">
        <v>588</v>
      </c>
      <c r="D309" s="5"/>
    </row>
    <row r="310" spans="2:4">
      <c r="B310" s="14" t="s">
        <v>289</v>
      </c>
      <c r="C310" s="10" t="s">
        <v>589</v>
      </c>
      <c r="D310" s="5"/>
    </row>
    <row r="311" spans="2:4">
      <c r="B311" s="14" t="s">
        <v>290</v>
      </c>
      <c r="C311" s="11" t="s">
        <v>589</v>
      </c>
      <c r="D311" s="5"/>
    </row>
    <row r="312" spans="2:4">
      <c r="B312" s="14" t="s">
        <v>291</v>
      </c>
      <c r="C312" s="11" t="s">
        <v>590</v>
      </c>
      <c r="D312" s="5"/>
    </row>
    <row r="313" spans="2:4">
      <c r="B313" s="14" t="s">
        <v>292</v>
      </c>
      <c r="C313" s="10" t="s">
        <v>591</v>
      </c>
      <c r="D313" s="5"/>
    </row>
    <row r="314" spans="2:4">
      <c r="B314" s="14" t="s">
        <v>293</v>
      </c>
      <c r="C314" s="11" t="s">
        <v>591</v>
      </c>
      <c r="D314" s="5"/>
    </row>
    <row r="315" spans="2:4">
      <c r="B315" s="14" t="s">
        <v>294</v>
      </c>
      <c r="C315" s="10" t="s">
        <v>592</v>
      </c>
      <c r="D315" s="5"/>
    </row>
    <row r="316" spans="2:4">
      <c r="B316" s="14" t="s">
        <v>295</v>
      </c>
      <c r="C316" s="11" t="s">
        <v>593</v>
      </c>
      <c r="D316" s="5" t="s">
        <v>736</v>
      </c>
    </row>
    <row r="317" spans="2:4">
      <c r="B317" s="14" t="s">
        <v>296</v>
      </c>
      <c r="C317" s="10" t="s">
        <v>594</v>
      </c>
      <c r="D317" s="5"/>
    </row>
    <row r="318" spans="2:4">
      <c r="B318" s="14" t="s">
        <v>297</v>
      </c>
      <c r="C318" s="11" t="s">
        <v>595</v>
      </c>
      <c r="D318" s="5"/>
    </row>
    <row r="319" spans="2:4">
      <c r="B319" s="14" t="s">
        <v>298</v>
      </c>
      <c r="C319" s="10" t="s">
        <v>596</v>
      </c>
      <c r="D319" s="5"/>
    </row>
    <row r="320" spans="2:4">
      <c r="B320" s="14" t="s">
        <v>299</v>
      </c>
      <c r="C320" s="11" t="s">
        <v>596</v>
      </c>
      <c r="D320" s="5"/>
    </row>
    <row r="321" spans="2:4">
      <c r="B321" s="14" t="s">
        <v>300</v>
      </c>
      <c r="C321" s="9" t="s">
        <v>597</v>
      </c>
      <c r="D321" s="5"/>
    </row>
    <row r="322" spans="2:4">
      <c r="B322" s="14" t="s">
        <v>301</v>
      </c>
      <c r="C322" s="10" t="s">
        <v>598</v>
      </c>
      <c r="D322" s="5"/>
    </row>
    <row r="323" spans="2:4">
      <c r="B323" s="14" t="s">
        <v>302</v>
      </c>
      <c r="C323" s="11" t="s">
        <v>599</v>
      </c>
      <c r="D323" s="5"/>
    </row>
    <row r="324" spans="2:4">
      <c r="B324" s="14" t="s">
        <v>303</v>
      </c>
      <c r="C324" s="10" t="s">
        <v>600</v>
      </c>
      <c r="D324" s="5"/>
    </row>
    <row r="325" spans="2:4">
      <c r="B325" s="14" t="s">
        <v>304</v>
      </c>
      <c r="C325" s="11" t="s">
        <v>600</v>
      </c>
      <c r="D325" s="5"/>
    </row>
    <row r="326" spans="2:4">
      <c r="B326" s="14" t="s">
        <v>305</v>
      </c>
      <c r="C326" s="10" t="s">
        <v>601</v>
      </c>
      <c r="D326" s="5"/>
    </row>
    <row r="327" spans="2:4">
      <c r="B327" s="14" t="s">
        <v>306</v>
      </c>
      <c r="C327" s="11" t="s">
        <v>601</v>
      </c>
      <c r="D327" s="5"/>
    </row>
    <row r="328" spans="2:4">
      <c r="B328" s="14" t="s">
        <v>307</v>
      </c>
      <c r="C328" s="10" t="s">
        <v>602</v>
      </c>
      <c r="D328" s="5"/>
    </row>
    <row r="329" spans="2:4">
      <c r="B329" s="14" t="s">
        <v>308</v>
      </c>
      <c r="C329" s="11" t="s">
        <v>602</v>
      </c>
      <c r="D329" s="5"/>
    </row>
    <row r="330" spans="2:4">
      <c r="B330" s="14" t="s">
        <v>309</v>
      </c>
      <c r="C330" s="10" t="s">
        <v>603</v>
      </c>
      <c r="D330" s="5"/>
    </row>
    <row r="331" spans="2:4">
      <c r="B331" s="14" t="s">
        <v>310</v>
      </c>
      <c r="C331" s="11" t="s">
        <v>604</v>
      </c>
      <c r="D331" s="5"/>
    </row>
    <row r="332" spans="2:4">
      <c r="B332" s="14" t="s">
        <v>311</v>
      </c>
      <c r="C332" s="11" t="s">
        <v>605</v>
      </c>
      <c r="D332" s="5"/>
    </row>
    <row r="333" spans="2:4">
      <c r="B333" s="14" t="s">
        <v>312</v>
      </c>
      <c r="C333" s="11" t="s">
        <v>606</v>
      </c>
      <c r="D333" s="5"/>
    </row>
    <row r="334" spans="2:4" ht="42.75">
      <c r="B334" s="14" t="s">
        <v>313</v>
      </c>
      <c r="C334" s="11" t="s">
        <v>607</v>
      </c>
      <c r="D334" s="5" t="s">
        <v>737</v>
      </c>
    </row>
    <row r="335" spans="2:4">
      <c r="B335" s="14" t="s">
        <v>314</v>
      </c>
      <c r="C335" s="10" t="s">
        <v>608</v>
      </c>
      <c r="D335" s="5"/>
    </row>
    <row r="336" spans="2:4">
      <c r="B336" s="14" t="s">
        <v>315</v>
      </c>
      <c r="C336" s="11" t="s">
        <v>609</v>
      </c>
      <c r="D336" s="5" t="s">
        <v>739</v>
      </c>
    </row>
    <row r="337" spans="2:4">
      <c r="B337" s="14" t="s">
        <v>316</v>
      </c>
      <c r="C337" s="10" t="s">
        <v>610</v>
      </c>
      <c r="D337" s="5"/>
    </row>
    <row r="338" spans="2:4" ht="42.75">
      <c r="B338" s="14" t="s">
        <v>317</v>
      </c>
      <c r="C338" s="11" t="s">
        <v>610</v>
      </c>
      <c r="D338" s="5" t="s">
        <v>738</v>
      </c>
    </row>
    <row r="339" spans="2:4">
      <c r="B339" s="14" t="s">
        <v>318</v>
      </c>
      <c r="C339" s="11" t="s">
        <v>611</v>
      </c>
      <c r="D339" s="5"/>
    </row>
    <row r="340" spans="2:4">
      <c r="B340" s="14" t="s">
        <v>319</v>
      </c>
      <c r="C340" s="10" t="s">
        <v>612</v>
      </c>
      <c r="D340" s="5"/>
    </row>
    <row r="341" spans="2:4">
      <c r="B341" s="14" t="s">
        <v>320</v>
      </c>
      <c r="C341" s="11" t="s">
        <v>612</v>
      </c>
      <c r="D341" s="5"/>
    </row>
    <row r="342" spans="2:4">
      <c r="B342" s="14" t="s">
        <v>321</v>
      </c>
      <c r="C342" s="10" t="s">
        <v>613</v>
      </c>
      <c r="D342" s="5"/>
    </row>
    <row r="343" spans="2:4">
      <c r="B343" s="14" t="s">
        <v>322</v>
      </c>
      <c r="C343" s="11" t="s">
        <v>614</v>
      </c>
      <c r="D343" s="5"/>
    </row>
    <row r="344" spans="2:4">
      <c r="B344" s="14" t="s">
        <v>323</v>
      </c>
      <c r="C344" s="11" t="s">
        <v>615</v>
      </c>
      <c r="D344" s="5"/>
    </row>
    <row r="345" spans="2:4">
      <c r="B345" s="14" t="s">
        <v>324</v>
      </c>
      <c r="C345" s="10" t="s">
        <v>616</v>
      </c>
      <c r="D345" s="5"/>
    </row>
    <row r="346" spans="2:4">
      <c r="B346" s="14" t="s">
        <v>325</v>
      </c>
      <c r="C346" s="11" t="s">
        <v>616</v>
      </c>
      <c r="D346" s="5"/>
    </row>
    <row r="347" spans="2:4">
      <c r="B347" s="14" t="s">
        <v>326</v>
      </c>
      <c r="C347" s="10" t="s">
        <v>617</v>
      </c>
      <c r="D347" s="5"/>
    </row>
    <row r="348" spans="2:4">
      <c r="B348" s="14" t="s">
        <v>327</v>
      </c>
      <c r="C348" s="11" t="s">
        <v>617</v>
      </c>
      <c r="D348" s="5"/>
    </row>
    <row r="349" spans="2:4">
      <c r="B349" s="14" t="s">
        <v>328</v>
      </c>
      <c r="C349" s="10" t="s">
        <v>618</v>
      </c>
      <c r="D349" s="5"/>
    </row>
    <row r="350" spans="2:4">
      <c r="B350" s="14" t="s">
        <v>329</v>
      </c>
      <c r="C350" s="11" t="s">
        <v>618</v>
      </c>
      <c r="D350" s="5"/>
    </row>
    <row r="351" spans="2:4">
      <c r="B351" s="14" t="s">
        <v>330</v>
      </c>
      <c r="C351" s="10" t="s">
        <v>619</v>
      </c>
      <c r="D351" s="5"/>
    </row>
    <row r="352" spans="2:4">
      <c r="B352" s="14" t="s">
        <v>331</v>
      </c>
      <c r="C352" s="11" t="s">
        <v>620</v>
      </c>
      <c r="D352" s="5"/>
    </row>
    <row r="353" spans="2:4">
      <c r="B353" s="14" t="s">
        <v>332</v>
      </c>
      <c r="C353" s="8" t="s">
        <v>621</v>
      </c>
      <c r="D353" s="5"/>
    </row>
    <row r="354" spans="2:4">
      <c r="B354" s="14" t="s">
        <v>333</v>
      </c>
      <c r="C354" s="9" t="s">
        <v>622</v>
      </c>
      <c r="D354" s="5"/>
    </row>
    <row r="355" spans="2:4">
      <c r="B355" s="14" t="s">
        <v>334</v>
      </c>
      <c r="C355" s="10" t="s">
        <v>623</v>
      </c>
      <c r="D355" s="5"/>
    </row>
    <row r="356" spans="2:4" ht="185.25">
      <c r="B356" s="14" t="s">
        <v>335</v>
      </c>
      <c r="C356" s="11" t="s">
        <v>623</v>
      </c>
      <c r="D356" s="5" t="s">
        <v>740</v>
      </c>
    </row>
    <row r="357" spans="2:4">
      <c r="B357" s="14" t="s">
        <v>336</v>
      </c>
      <c r="C357" s="10" t="s">
        <v>624</v>
      </c>
      <c r="D357" s="5"/>
    </row>
    <row r="358" spans="2:4" ht="99.75">
      <c r="B358" s="14" t="s">
        <v>337</v>
      </c>
      <c r="C358" s="11" t="s">
        <v>625</v>
      </c>
      <c r="D358" s="5" t="s">
        <v>741</v>
      </c>
    </row>
    <row r="359" spans="2:4">
      <c r="B359" s="14" t="s">
        <v>338</v>
      </c>
      <c r="C359" s="10" t="s">
        <v>626</v>
      </c>
      <c r="D359" s="5"/>
    </row>
    <row r="360" spans="2:4" ht="28.5">
      <c r="B360" s="14" t="s">
        <v>339</v>
      </c>
      <c r="C360" s="11" t="s">
        <v>627</v>
      </c>
      <c r="D360" s="5" t="s">
        <v>742</v>
      </c>
    </row>
    <row r="361" spans="2:4">
      <c r="B361" s="14" t="s">
        <v>340</v>
      </c>
      <c r="C361" s="10" t="s">
        <v>628</v>
      </c>
      <c r="D361" s="5"/>
    </row>
    <row r="362" spans="2:4" ht="28.5">
      <c r="B362" s="14" t="s">
        <v>341</v>
      </c>
      <c r="C362" s="11" t="s">
        <v>628</v>
      </c>
      <c r="D362" s="5" t="s">
        <v>742</v>
      </c>
    </row>
    <row r="363" spans="2:4">
      <c r="B363" s="14" t="s">
        <v>342</v>
      </c>
      <c r="C363" s="10" t="s">
        <v>629</v>
      </c>
      <c r="D363" s="5"/>
    </row>
    <row r="364" spans="2:4" ht="85.5">
      <c r="B364" s="14" t="s">
        <v>343</v>
      </c>
      <c r="C364" s="11" t="s">
        <v>630</v>
      </c>
      <c r="D364" s="5" t="s">
        <v>743</v>
      </c>
    </row>
    <row r="365" spans="2:4" ht="85.5">
      <c r="B365" s="14" t="s">
        <v>344</v>
      </c>
      <c r="C365" s="11" t="s">
        <v>631</v>
      </c>
      <c r="D365" s="5" t="s">
        <v>743</v>
      </c>
    </row>
    <row r="366" spans="2:4">
      <c r="B366" s="14" t="s">
        <v>345</v>
      </c>
      <c r="C366" s="10" t="s">
        <v>632</v>
      </c>
      <c r="D366" s="5"/>
    </row>
    <row r="367" spans="2:4" ht="42.75">
      <c r="B367" s="14" t="s">
        <v>346</v>
      </c>
      <c r="C367" s="11" t="s">
        <v>633</v>
      </c>
      <c r="D367" s="5" t="s">
        <v>744</v>
      </c>
    </row>
    <row r="368" spans="2:4" ht="42.75">
      <c r="B368" s="14" t="s">
        <v>347</v>
      </c>
      <c r="C368" s="11" t="s">
        <v>634</v>
      </c>
      <c r="D368" s="5" t="s">
        <v>744</v>
      </c>
    </row>
    <row r="369" spans="2:4" ht="42.75">
      <c r="B369" s="14" t="s">
        <v>348</v>
      </c>
      <c r="C369" s="11" t="s">
        <v>635</v>
      </c>
      <c r="D369" s="5" t="s">
        <v>744</v>
      </c>
    </row>
    <row r="370" spans="2:4">
      <c r="B370" s="14" t="s">
        <v>349</v>
      </c>
      <c r="C370" s="10" t="s">
        <v>636</v>
      </c>
      <c r="D370" s="5"/>
    </row>
    <row r="371" spans="2:4" ht="71.25">
      <c r="B371" s="14" t="s">
        <v>350</v>
      </c>
      <c r="C371" s="11" t="s">
        <v>637</v>
      </c>
      <c r="D371" s="5" t="s">
        <v>745</v>
      </c>
    </row>
    <row r="372" spans="2:4" ht="71.25">
      <c r="B372" s="14" t="s">
        <v>351</v>
      </c>
      <c r="C372" s="11" t="s">
        <v>638</v>
      </c>
      <c r="D372" s="5" t="s">
        <v>745</v>
      </c>
    </row>
    <row r="373" spans="2:4" ht="71.25">
      <c r="B373" s="14" t="s">
        <v>352</v>
      </c>
      <c r="C373" s="11" t="s">
        <v>639</v>
      </c>
      <c r="D373" s="5" t="s">
        <v>745</v>
      </c>
    </row>
    <row r="374" spans="2:4">
      <c r="B374" s="14" t="s">
        <v>353</v>
      </c>
      <c r="C374" s="10" t="s">
        <v>640</v>
      </c>
      <c r="D374" s="5"/>
    </row>
    <row r="375" spans="2:4" ht="99.75">
      <c r="B375" s="14" t="s">
        <v>355</v>
      </c>
      <c r="C375" s="11" t="s">
        <v>641</v>
      </c>
      <c r="D375" s="5" t="s">
        <v>746</v>
      </c>
    </row>
    <row r="376" spans="2:4" ht="85.5">
      <c r="B376" s="14" t="s">
        <v>356</v>
      </c>
      <c r="C376" s="11" t="s">
        <v>642</v>
      </c>
      <c r="D376" s="5" t="s">
        <v>747</v>
      </c>
    </row>
    <row r="377" spans="2:4" ht="85.5">
      <c r="B377" s="14" t="s">
        <v>357</v>
      </c>
      <c r="C377" s="11" t="s">
        <v>643</v>
      </c>
      <c r="D377" s="5" t="s">
        <v>748</v>
      </c>
    </row>
    <row r="378" spans="2:4" ht="57">
      <c r="B378" s="14" t="s">
        <v>358</v>
      </c>
      <c r="C378" s="11" t="s">
        <v>644</v>
      </c>
      <c r="D378" s="5" t="s">
        <v>749</v>
      </c>
    </row>
    <row r="379" spans="2:4" ht="57">
      <c r="B379" s="14" t="s">
        <v>359</v>
      </c>
      <c r="C379" s="11" t="s">
        <v>645</v>
      </c>
      <c r="D379" s="5" t="s">
        <v>750</v>
      </c>
    </row>
    <row r="380" spans="2:4" ht="42.75">
      <c r="B380" s="14" t="s">
        <v>360</v>
      </c>
      <c r="C380" s="11" t="s">
        <v>646</v>
      </c>
      <c r="D380" s="5" t="s">
        <v>751</v>
      </c>
    </row>
    <row r="381" spans="2:4" ht="85.5">
      <c r="B381" s="14" t="s">
        <v>361</v>
      </c>
      <c r="C381" s="11" t="s">
        <v>647</v>
      </c>
      <c r="D381" s="5" t="s">
        <v>748</v>
      </c>
    </row>
    <row r="382" spans="2:4" ht="85.5">
      <c r="B382" s="14" t="s">
        <v>362</v>
      </c>
      <c r="C382" s="11" t="s">
        <v>648</v>
      </c>
      <c r="D382" s="5" t="s">
        <v>752</v>
      </c>
    </row>
    <row r="383" spans="2:4" ht="42.75">
      <c r="B383" s="14" t="s">
        <v>363</v>
      </c>
      <c r="C383" s="11" t="s">
        <v>649</v>
      </c>
      <c r="D383" s="5" t="s">
        <v>753</v>
      </c>
    </row>
    <row r="384" spans="2:4" ht="85.5">
      <c r="B384" s="14" t="s">
        <v>364</v>
      </c>
      <c r="C384" s="11" t="s">
        <v>650</v>
      </c>
      <c r="D384" s="5" t="s">
        <v>752</v>
      </c>
    </row>
    <row r="385" spans="2:4" ht="71.25">
      <c r="B385" s="14" t="s">
        <v>365</v>
      </c>
      <c r="C385" s="11" t="s">
        <v>651</v>
      </c>
      <c r="D385" s="5" t="s">
        <v>754</v>
      </c>
    </row>
    <row r="386" spans="2:4" ht="28.5">
      <c r="B386" s="14" t="s">
        <v>366</v>
      </c>
      <c r="C386" s="11" t="s">
        <v>652</v>
      </c>
      <c r="D386" s="5" t="s">
        <v>755</v>
      </c>
    </row>
    <row r="387" spans="2:4" ht="114">
      <c r="B387" s="14" t="s">
        <v>367</v>
      </c>
      <c r="C387" s="11" t="s">
        <v>653</v>
      </c>
      <c r="D387" s="5" t="s">
        <v>756</v>
      </c>
    </row>
    <row r="388" spans="2:4" ht="28.5">
      <c r="B388" s="14" t="s">
        <v>368</v>
      </c>
      <c r="C388" s="11" t="s">
        <v>654</v>
      </c>
      <c r="D388" s="5" t="s">
        <v>757</v>
      </c>
    </row>
    <row r="389" spans="2:4" ht="28.5">
      <c r="B389" s="14" t="s">
        <v>369</v>
      </c>
      <c r="C389" s="11" t="s">
        <v>655</v>
      </c>
      <c r="D389" s="5" t="s">
        <v>758</v>
      </c>
    </row>
    <row r="390" spans="2:4" ht="42.75">
      <c r="B390" s="14" t="s">
        <v>354</v>
      </c>
      <c r="C390" s="11" t="s">
        <v>656</v>
      </c>
      <c r="D390" s="5" t="s">
        <v>759</v>
      </c>
    </row>
    <row r="391" spans="2:4">
      <c r="B391" s="14" t="s">
        <v>370</v>
      </c>
      <c r="C391" s="10" t="s">
        <v>657</v>
      </c>
      <c r="D391" s="5"/>
    </row>
    <row r="392" spans="2:4" ht="42.75">
      <c r="B392" s="14" t="s">
        <v>371</v>
      </c>
      <c r="C392" s="11" t="s">
        <v>658</v>
      </c>
      <c r="D392" s="5" t="s">
        <v>760</v>
      </c>
    </row>
    <row r="393" spans="2:4">
      <c r="B393" s="14" t="s">
        <v>372</v>
      </c>
      <c r="C393" s="10" t="s">
        <v>659</v>
      </c>
      <c r="D393" s="5"/>
    </row>
    <row r="394" spans="2:4" ht="42.75">
      <c r="B394" s="14" t="s">
        <v>373</v>
      </c>
      <c r="C394" s="11" t="s">
        <v>659</v>
      </c>
      <c r="D394" s="5" t="s">
        <v>761</v>
      </c>
    </row>
    <row r="395" spans="2:4" ht="15" thickBot="1">
      <c r="B395" s="15"/>
      <c r="C395" s="12"/>
    </row>
  </sheetData>
  <pageMargins left="0.23622047244094491" right="0.23622047244094491" top="0.74803149606299213" bottom="0.74803149606299213" header="0.31496062992125984" footer="0.31496062992125984"/>
  <pageSetup paperSize="9" scale="58" fitToHeight="0" orientation="portrait" r:id="rId1"/>
  <headerFooter>
    <oddHeader>&amp;F</oddHeader>
    <oddFooter>&amp;F</oddFooter>
  </headerFooter>
  <rowBreaks count="11" manualBreakCount="11">
    <brk id="52" max="3" man="1"/>
    <brk id="90" max="3" man="1"/>
    <brk id="105" max="3" man="1"/>
    <brk id="123" max="3" man="1"/>
    <brk id="135" max="3" man="1"/>
    <brk id="178" max="3" man="1"/>
    <brk id="219" max="3" man="1"/>
    <brk id="288" max="3" man="1"/>
    <brk id="336" max="3" man="1"/>
    <brk id="352" max="3" man="1"/>
    <brk id="369" max="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Fogli di lavoro</vt:lpstr>
      </vt:variant>
      <vt:variant>
        <vt:i4>1</vt:i4>
      </vt:variant>
      <vt:variant>
        <vt:lpstr>Intervalli denominati</vt:lpstr>
      </vt:variant>
      <vt:variant>
        <vt:i4>2</vt:i4>
      </vt:variant>
    </vt:vector>
  </HeadingPairs>
  <TitlesOfParts>
    <vt:vector size="3" baseType="lpstr">
      <vt:lpstr>CategoryTree_20260122</vt:lpstr>
      <vt:lpstr>CategoryTree_20260122!Area_stampa</vt:lpstr>
      <vt:lpstr>CategoryTree_20260122!Titoli_stamp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eamilano</dc:creator>
  <cp:lastModifiedBy>Fargnoli Alberto</cp:lastModifiedBy>
  <cp:lastPrinted>2024-05-16T12:17:13Z</cp:lastPrinted>
  <dcterms:created xsi:type="dcterms:W3CDTF">2024-05-15T14:16:28Z</dcterms:created>
  <dcterms:modified xsi:type="dcterms:W3CDTF">2026-01-26T14:17:18Z</dcterms:modified>
</cp:coreProperties>
</file>